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7726"/>
  <workbookPr defaultThemeVersion="124226"/>
  <mc:AlternateContent xmlns:mc="http://schemas.openxmlformats.org/markup-compatibility/2006">
    <mc:Choice Requires="x15">
      <x15ac:absPath xmlns:x15ac="http://schemas.microsoft.com/office/spreadsheetml/2010/11/ac" url="C:\Users\s803180025\Desktop\☆004注文書\CPU\2020\"/>
    </mc:Choice>
  </mc:AlternateContent>
  <bookViews>
    <workbookView xWindow="0" yWindow="0" windowWidth="19800" windowHeight="8850"/>
  </bookViews>
  <sheets>
    <sheet name="技術評論社" sheetId="23" r:id="rId1"/>
    <sheet name="インプレス" sheetId="24" r:id="rId2"/>
    <sheet name="翔泳社" sheetId="15" r:id="rId3"/>
    <sheet name="SBクリエイティブ" sheetId="26" r:id="rId4"/>
    <sheet name="秀和システム" sheetId="25" r:id="rId5"/>
    <sheet name="マイナビ出版" sheetId="27" r:id="rId6"/>
  </sheets>
  <externalReferences>
    <externalReference r:id="rId7"/>
  </externalReferences>
  <definedNames>
    <definedName name="a" localSheetId="3">#REF!</definedName>
    <definedName name="a" localSheetId="1">#REF!</definedName>
    <definedName name="a" localSheetId="5">#REF!</definedName>
    <definedName name="a" localSheetId="0">#REF!</definedName>
    <definedName name="a" localSheetId="4">#REF!</definedName>
    <definedName name="a">#REF!</definedName>
    <definedName name="BookInfo">[1]管理!$C$1:$H$2563</definedName>
    <definedName name="BookStatus">[1]管理!$J$1:$O$893</definedName>
    <definedName name="DB発売日" localSheetId="3">#REF!</definedName>
    <definedName name="DB発売日" localSheetId="1">#REF!</definedName>
    <definedName name="DB発売日" localSheetId="5">#REF!</definedName>
    <definedName name="DB発売日" localSheetId="0">#REF!</definedName>
    <definedName name="DB発売日" localSheetId="4">#REF!</definedName>
    <definedName name="DB発売日" localSheetId="2">#REF!</definedName>
    <definedName name="DB発売日">#REF!</definedName>
    <definedName name="Format_Details_Left" localSheetId="3">#REF!</definedName>
    <definedName name="Format_Details_Left" localSheetId="1">#REF!</definedName>
    <definedName name="Format_Details_Left" localSheetId="5">#REF!</definedName>
    <definedName name="Format_Details_Left" localSheetId="0">#REF!</definedName>
    <definedName name="Format_Details_Left" localSheetId="4">#REF!</definedName>
    <definedName name="Format_Details_Left" localSheetId="2">#REF!</definedName>
    <definedName name="Format_Details_Left">#REF!</definedName>
    <definedName name="Format_Details_Right" localSheetId="3">#REF!</definedName>
    <definedName name="Format_Details_Right" localSheetId="1">#REF!</definedName>
    <definedName name="Format_Details_Right" localSheetId="5">#REF!</definedName>
    <definedName name="Format_Details_Right" localSheetId="0">#REF!</definedName>
    <definedName name="Format_Details_Right" localSheetId="4">#REF!</definedName>
    <definedName name="Format_Details_Right" localSheetId="2">#REF!</definedName>
    <definedName name="Format_Details_Right">#REF!</definedName>
    <definedName name="Format_SubTitle" localSheetId="3">#REF!</definedName>
    <definedName name="Format_SubTitle" localSheetId="1">#REF!</definedName>
    <definedName name="Format_SubTitle" localSheetId="5">#REF!</definedName>
    <definedName name="Format_SubTitle" localSheetId="0">#REF!</definedName>
    <definedName name="Format_SubTitle" localSheetId="4">#REF!</definedName>
    <definedName name="Format_SubTitle" localSheetId="2">#REF!</definedName>
    <definedName name="Format_SubTitle">#REF!</definedName>
    <definedName name="Format_Title" localSheetId="3">#REF!</definedName>
    <definedName name="Format_Title" localSheetId="1">#REF!</definedName>
    <definedName name="Format_Title" localSheetId="5">#REF!</definedName>
    <definedName name="Format_Title" localSheetId="0">#REF!</definedName>
    <definedName name="Format_Title" localSheetId="4">#REF!</definedName>
    <definedName name="Format_Title" localSheetId="2">#REF!</definedName>
    <definedName name="Format_Title">#REF!</definedName>
    <definedName name="_xlnm.Print_Area" localSheetId="3">SBクリエイティブ!$A$1:$T$40</definedName>
    <definedName name="_xlnm.Print_Area" localSheetId="1">インプレス!$A$1:$T$40</definedName>
    <definedName name="_xlnm.Print_Area" localSheetId="5">マイナビ出版!$A$1:$T$40</definedName>
    <definedName name="_xlnm.Print_Area" localSheetId="0">技術評論社!$A$1:$T$40</definedName>
    <definedName name="_xlnm.Print_Area" localSheetId="4">秀和システム!$A$1:$T$40</definedName>
    <definedName name="_xlnm.Print_Area" localSheetId="2">翔泳社!$A$1:$T$40</definedName>
    <definedName name="Print_Area_MI" localSheetId="3">#REF!</definedName>
    <definedName name="Print_Area_MI" localSheetId="1">#REF!</definedName>
    <definedName name="Print_Area_MI" localSheetId="5">#REF!</definedName>
    <definedName name="Print_Area_MI" localSheetId="0">#REF!</definedName>
    <definedName name="Print_Area_MI" localSheetId="4">#REF!</definedName>
    <definedName name="Print_Area_MI" localSheetId="2">#REF!</definedName>
    <definedName name="Print_Area_MI">#REF!</definedName>
    <definedName name="Print_Titles_MI" localSheetId="3">#REF!</definedName>
    <definedName name="Print_Titles_MI" localSheetId="1">#REF!</definedName>
    <definedName name="Print_Titles_MI" localSheetId="5">#REF!</definedName>
    <definedName name="Print_Titles_MI" localSheetId="0">#REF!</definedName>
    <definedName name="Print_Titles_MI" localSheetId="4">#REF!</definedName>
    <definedName name="Print_Titles_MI" localSheetId="2">#REF!</definedName>
    <definedName name="Print_Titles_MI">#REF!</definedName>
    <definedName name="q" localSheetId="3">#REF!</definedName>
    <definedName name="q" localSheetId="1">#REF!</definedName>
    <definedName name="q" localSheetId="5">#REF!</definedName>
    <definedName name="q" localSheetId="0">#REF!</definedName>
    <definedName name="q" localSheetId="4">#REF!</definedName>
    <definedName name="q">#REF!</definedName>
    <definedName name="日付" localSheetId="3">[1]調整商品!$W$4</definedName>
    <definedName name="日付" localSheetId="1">[1]調整商品!$W$4</definedName>
    <definedName name="日付" localSheetId="5">[1]調整商品!$W$4</definedName>
    <definedName name="日付" localSheetId="0">[1]調整商品!$W$4</definedName>
    <definedName name="日付" localSheetId="4">[1]調整商品!$W$4</definedName>
    <definedName name="日付" localSheetId="2">[1]調整商品!$W$4</definedName>
    <definedName name="日付">#REF!</definedName>
  </definedNames>
  <calcPr calcId="171027"/>
</workbook>
</file>

<file path=xl/sharedStrings.xml><?xml version="1.0" encoding="utf-8"?>
<sst xmlns="http://schemas.openxmlformats.org/spreadsheetml/2006/main" count="990" uniqueCount="519">
  <si>
    <t>小コード</t>
    <rPh sb="0" eb="1">
      <t>ショウ</t>
    </rPh>
    <phoneticPr fontId="19"/>
  </si>
  <si>
    <t>書名</t>
    <rPh sb="0" eb="2">
      <t>ショメイ</t>
    </rPh>
    <phoneticPr fontId="19"/>
  </si>
  <si>
    <t>ISBN</t>
  </si>
  <si>
    <t>本体</t>
  </si>
  <si>
    <t>在庫</t>
    <rPh sb="0" eb="2">
      <t>ザイコ</t>
    </rPh>
    <phoneticPr fontId="19"/>
  </si>
  <si>
    <t>注文</t>
  </si>
  <si>
    <t>B3-03</t>
  </si>
  <si>
    <t>B3-05</t>
  </si>
  <si>
    <t>B2-06</t>
  </si>
  <si>
    <t>L</t>
  </si>
  <si>
    <t>B2-23</t>
  </si>
  <si>
    <t>S</t>
  </si>
  <si>
    <t>D3-02</t>
  </si>
  <si>
    <t>E1-01</t>
  </si>
  <si>
    <t>B5-01</t>
  </si>
  <si>
    <t>B2-01</t>
  </si>
  <si>
    <t>B4-99</t>
  </si>
  <si>
    <t>受注日　　　　　　月　　　　　　日</t>
    <rPh sb="0" eb="2">
      <t>ジュチュウ</t>
    </rPh>
    <rPh sb="2" eb="3">
      <t>ヒ</t>
    </rPh>
    <rPh sb="9" eb="10">
      <t>ゲツ</t>
    </rPh>
    <rPh sb="16" eb="17">
      <t>ニチ</t>
    </rPh>
    <phoneticPr fontId="4"/>
  </si>
  <si>
    <t>搬入希望　　　　　月　　　　　　日</t>
    <rPh sb="0" eb="2">
      <t>ハンニュウ</t>
    </rPh>
    <rPh sb="2" eb="4">
      <t>キボウ</t>
    </rPh>
    <phoneticPr fontId="4"/>
  </si>
  <si>
    <t>貴店名：　　　　　　　　　　　　　ご担当者様：</t>
    <rPh sb="0" eb="2">
      <t>キテン</t>
    </rPh>
    <rPh sb="2" eb="3">
      <t>メイ</t>
    </rPh>
    <rPh sb="18" eb="22">
      <t>タントウシャサマ</t>
    </rPh>
    <phoneticPr fontId="4"/>
  </si>
  <si>
    <t>NO</t>
    <phoneticPr fontId="19"/>
  </si>
  <si>
    <t>サイズ</t>
    <phoneticPr fontId="19"/>
  </si>
  <si>
    <t>プラス月5万円で暮らしを楽にする超かんたんメルカリ</t>
  </si>
  <si>
    <t>Python 1年生</t>
  </si>
  <si>
    <t>Java1年生</t>
  </si>
  <si>
    <t>Excelピボットテーブル データ集計・分析の「引き出し」が増える本</t>
  </si>
  <si>
    <t>Cの絵本 第2版</t>
  </si>
  <si>
    <t>C++の絵本 第2版</t>
  </si>
  <si>
    <t>E1-05</t>
  </si>
  <si>
    <t>翔泳社：ISBN 978-4-7981-XXXX-X</t>
    <phoneticPr fontId="4"/>
  </si>
  <si>
    <t>翔泳社（FAX03-5362-3817）</t>
    <phoneticPr fontId="4"/>
  </si>
  <si>
    <t>やってはいけないデザイン</t>
  </si>
  <si>
    <t>4593-8</t>
  </si>
  <si>
    <t>5321-6</t>
  </si>
  <si>
    <t>E1-11</t>
  </si>
  <si>
    <t>D1-03</t>
  </si>
  <si>
    <t>5627-9</t>
  </si>
  <si>
    <t>3515-1</t>
  </si>
  <si>
    <t>4410-8</t>
  </si>
  <si>
    <t>5280-6</t>
  </si>
  <si>
    <t>5319-3</t>
  </si>
  <si>
    <t>4351-4</t>
  </si>
  <si>
    <t>M</t>
  </si>
  <si>
    <t>5578-4</t>
  </si>
  <si>
    <t>5038-3</t>
  </si>
  <si>
    <t>5190-8</t>
  </si>
  <si>
    <t>図解まるわかり ネットワークのしくみ</t>
  </si>
  <si>
    <t>図解まるわかり セキュリティのしくみ</t>
  </si>
  <si>
    <t>5749-8</t>
    <phoneticPr fontId="4"/>
  </si>
  <si>
    <t>5720-7</t>
    <phoneticPr fontId="4"/>
  </si>
  <si>
    <t>M</t>
    <phoneticPr fontId="4"/>
  </si>
  <si>
    <t>S</t>
    <phoneticPr fontId="4"/>
  </si>
  <si>
    <t>B2-02</t>
    <phoneticPr fontId="4"/>
  </si>
  <si>
    <t>B2-06</t>
    <phoneticPr fontId="4"/>
  </si>
  <si>
    <t>B5-01</t>
    <phoneticPr fontId="4"/>
  </si>
  <si>
    <t>D1-12</t>
    <phoneticPr fontId="4"/>
  </si>
  <si>
    <t>機械学習図鑑</t>
    <rPh sb="0" eb="2">
      <t>キカイ</t>
    </rPh>
    <rPh sb="2" eb="4">
      <t>ガクシュウ</t>
    </rPh>
    <rPh sb="4" eb="6">
      <t>ズカン</t>
    </rPh>
    <phoneticPr fontId="4"/>
  </si>
  <si>
    <t>5565-4</t>
    <phoneticPr fontId="4"/>
  </si>
  <si>
    <t>使って遊べる! Scracthおもしろプログラミングレシピ</t>
    <rPh sb="0" eb="1">
      <t>ツカ</t>
    </rPh>
    <rPh sb="3" eb="4">
      <t>アソ</t>
    </rPh>
    <phoneticPr fontId="4"/>
  </si>
  <si>
    <t>5985-0</t>
    <phoneticPr fontId="4"/>
  </si>
  <si>
    <t>Javaの絵本　第3版</t>
    <rPh sb="5" eb="7">
      <t>エホン</t>
    </rPh>
    <rPh sb="8" eb="9">
      <t>ダイ</t>
    </rPh>
    <rPh sb="10" eb="11">
      <t>ハン</t>
    </rPh>
    <phoneticPr fontId="4"/>
  </si>
  <si>
    <t>5037-6</t>
    <phoneticPr fontId="4"/>
  </si>
  <si>
    <t>HTML5＆CSS3標準デザイン講座　第2版</t>
    <rPh sb="10" eb="12">
      <t>ヒョウジュン</t>
    </rPh>
    <rPh sb="16" eb="18">
      <t>コウザ</t>
    </rPh>
    <rPh sb="19" eb="20">
      <t>ダイ</t>
    </rPh>
    <rPh sb="21" eb="22">
      <t>ハン</t>
    </rPh>
    <phoneticPr fontId="4"/>
  </si>
  <si>
    <t>5813-6</t>
    <phoneticPr fontId="4"/>
  </si>
  <si>
    <t>WordPress標準デザイン講座　第2版</t>
    <rPh sb="9" eb="11">
      <t>ヒョウジュン</t>
    </rPh>
    <rPh sb="15" eb="17">
      <t>コウザ</t>
    </rPh>
    <rPh sb="18" eb="19">
      <t>ダイ</t>
    </rPh>
    <rPh sb="20" eb="21">
      <t>ハン</t>
    </rPh>
    <phoneticPr fontId="4"/>
  </si>
  <si>
    <t>5651-4</t>
    <phoneticPr fontId="4"/>
  </si>
  <si>
    <t>図解まるかわりサーバのしくみ</t>
    <rPh sb="0" eb="2">
      <t>ズカイ</t>
    </rPh>
    <phoneticPr fontId="4"/>
  </si>
  <si>
    <t>6005-4</t>
    <phoneticPr fontId="4"/>
  </si>
  <si>
    <t>C#の絵本 第2版</t>
    <rPh sb="3" eb="5">
      <t>エホン</t>
    </rPh>
    <phoneticPr fontId="4"/>
  </si>
  <si>
    <t>ホームページ辞典 第6版 HTML・CSS・JavaScript</t>
    <phoneticPr fontId="4"/>
  </si>
  <si>
    <t>B8-02</t>
    <phoneticPr fontId="4"/>
  </si>
  <si>
    <t>L</t>
    <phoneticPr fontId="4"/>
  </si>
  <si>
    <t>B6-02</t>
    <phoneticPr fontId="4"/>
  </si>
  <si>
    <t>平台推奨</t>
    <rPh sb="0" eb="2">
      <t>ヒラダイ</t>
    </rPh>
    <rPh sb="2" eb="4">
      <t>スイショウ</t>
    </rPh>
    <phoneticPr fontId="4"/>
  </si>
  <si>
    <t>平台</t>
    <rPh sb="0" eb="2">
      <t>ヒラダイ</t>
    </rPh>
    <phoneticPr fontId="4"/>
  </si>
  <si>
    <t>5189-2</t>
    <phoneticPr fontId="4"/>
  </si>
  <si>
    <t>6191-4</t>
    <phoneticPr fontId="4"/>
  </si>
  <si>
    <t>6014-6</t>
    <phoneticPr fontId="4"/>
  </si>
  <si>
    <t>Python 2年生</t>
    <phoneticPr fontId="4"/>
  </si>
  <si>
    <t>作ればわかる！Androidプログラミング Kotlin対応</t>
    <phoneticPr fontId="4"/>
  </si>
  <si>
    <t>5513-5</t>
  </si>
  <si>
    <t>IT用語図鑑</t>
  </si>
  <si>
    <t>6001-6</t>
  </si>
  <si>
    <t>B2-23</t>
    <phoneticPr fontId="4"/>
  </si>
  <si>
    <t>Pythonの絵本</t>
    <phoneticPr fontId="4"/>
  </si>
  <si>
    <t>JavaScript 1年生</t>
  </si>
  <si>
    <t>5326-1</t>
  </si>
  <si>
    <t>D1-02</t>
    <phoneticPr fontId="4"/>
  </si>
  <si>
    <t>B2-13</t>
    <phoneticPr fontId="4"/>
  </si>
  <si>
    <t>絵で見てわかるITインフラの仕組み 新装版</t>
  </si>
  <si>
    <t>5846-4</t>
    <phoneticPr fontId="4"/>
  </si>
  <si>
    <t>5848-8</t>
    <phoneticPr fontId="4"/>
  </si>
  <si>
    <t>6117-4</t>
    <phoneticPr fontId="4"/>
  </si>
  <si>
    <t>E1-01</t>
    <phoneticPr fontId="4"/>
  </si>
  <si>
    <t>パパッと作る！バッチリ通す！A4一枚企画書・報告書テンプレート2000</t>
    <phoneticPr fontId="4"/>
  </si>
  <si>
    <t>5991-1</t>
  </si>
  <si>
    <t xml:space="preserve">ルビィのぼうけん </t>
    <phoneticPr fontId="4"/>
  </si>
  <si>
    <t>4349-1</t>
    <phoneticPr fontId="4"/>
  </si>
  <si>
    <t>CPUコンピュータ書 棚推奨リスト 補充注文書　（2020年2月～2020年8月版）</t>
    <rPh sb="11" eb="12">
      <t>タナ</t>
    </rPh>
    <rPh sb="12" eb="14">
      <t>スイショウ</t>
    </rPh>
    <phoneticPr fontId="4"/>
  </si>
  <si>
    <t>帰宅が早い人がやっている パソコン仕事 最強の習慣112</t>
    <phoneticPr fontId="4"/>
  </si>
  <si>
    <t>プラス月5万円で暮らしを楽にする超かんたんアフィリエイト</t>
    <phoneticPr fontId="4"/>
  </si>
  <si>
    <t>Pythonで動かして学ぶ！あたらしい機械学習の教科書 第2版</t>
    <phoneticPr fontId="4"/>
  </si>
  <si>
    <t>Pythonで動かして学ぶ！あたらしい数学の教科書</t>
    <phoneticPr fontId="4"/>
  </si>
  <si>
    <t>絵で見てわかるOS／ストレージ／ネットワーク 新装版</t>
    <phoneticPr fontId="4"/>
  </si>
  <si>
    <r>
      <rPr>
        <b/>
        <sz val="80"/>
        <rFont val="ＭＳ Ｐゴシック"/>
        <family val="3"/>
        <charset val="128"/>
        <scheme val="major"/>
      </rPr>
      <t>マイナビ出版（FAX03-3556-2743）</t>
    </r>
    <r>
      <rPr>
        <sz val="36"/>
        <rFont val="ＭＳ Ｐゴシック"/>
        <family val="3"/>
        <charset val="128"/>
        <scheme val="major"/>
      </rPr>
      <t/>
    </r>
    <phoneticPr fontId="4"/>
  </si>
  <si>
    <t>この注文書はCPU（コンピュータ出版販売研究機構）がおススメする上記出版社分の補充用注文書です。ご注文は、下記へ直接ファクスしてください。
年に2回メンテナンス（2月・8月）に行いますので、最新の注文書をご利用いただければ幸いです。
＊小コードについて　2018年1月より棚コードを改訂しております。
当注文書は新規コードに則ってコードを付与していますが、実際には2018年1月以前刊行のスリップには、旧コードの記載となっております。
平台面陳に残していただきたいロングセラーについては「平台」と記してありますので、ご参考にしてください。</t>
    <phoneticPr fontId="4"/>
  </si>
  <si>
    <t>マイナビ出版：ISBN 978-4-8399-XXXX-X</t>
    <phoneticPr fontId="4"/>
  </si>
  <si>
    <t>B3-01</t>
  </si>
  <si>
    <t>速効!ポケットマニュアル Word基本ワザ＆仕事ワザ  2019 &amp; 2016 &amp; 2013</t>
  </si>
  <si>
    <t>6858-8</t>
  </si>
  <si>
    <t>B5-07</t>
  </si>
  <si>
    <t>ウェブ担当者のための
サイトユーザー図鑑</t>
    <phoneticPr fontId="4"/>
  </si>
  <si>
    <t>6708-6</t>
  </si>
  <si>
    <t>2390</t>
  </si>
  <si>
    <t>マンガで学ぶエクセル［Excel］</t>
  </si>
  <si>
    <t>6428-3</t>
  </si>
  <si>
    <t>1380</t>
  </si>
  <si>
    <t>現場のプロがやさしく書いたWebサイトの分析・改善の教科書【改訂2版】</t>
  </si>
  <si>
    <t>6546-4</t>
  </si>
  <si>
    <t>2980</t>
  </si>
  <si>
    <t xml:space="preserve"> 速効!ポケットマニュアル Excel基本ワザ＆仕事ワザ 2019 &amp; 2016 &amp; 2013 </t>
  </si>
  <si>
    <t>6890-8</t>
  </si>
  <si>
    <t>780</t>
  </si>
  <si>
    <t>現場のプロから学ぶ
SEO技術バイブル</t>
    <phoneticPr fontId="4"/>
  </si>
  <si>
    <t>6600-3</t>
  </si>
  <si>
    <t>6427-6</t>
  </si>
  <si>
    <t>B6-02</t>
  </si>
  <si>
    <t>ちゃんと使える力を身につける　JavaScriptのきほんのきほん</t>
  </si>
  <si>
    <t>6162-6</t>
  </si>
  <si>
    <t>2480</t>
  </si>
  <si>
    <t>速効!ポケットマニュアル PowerPoint基本ワザ＆仕事ワザ 2019 &amp; 2016 &amp; 2013</t>
  </si>
  <si>
    <t>6857-1</t>
  </si>
  <si>
    <t>D1-12</t>
  </si>
  <si>
    <t>6973-8</t>
  </si>
  <si>
    <t>2280</t>
  </si>
  <si>
    <t>B4-01</t>
  </si>
  <si>
    <t>6715-4</t>
  </si>
  <si>
    <t>デジタルツールで描く！キャラクターを引き立てる髪の描き方</t>
    <phoneticPr fontId="4"/>
  </si>
  <si>
    <t>5965-4</t>
  </si>
  <si>
    <t>イラスト解体新書</t>
  </si>
  <si>
    <t>5964-7</t>
  </si>
  <si>
    <t>B4-04</t>
  </si>
  <si>
    <t>ノンデザイナーズ・デザインブック［第4版］</t>
    <phoneticPr fontId="4"/>
  </si>
  <si>
    <t>5555-7</t>
  </si>
  <si>
    <t>2180</t>
  </si>
  <si>
    <t>D1-01</t>
  </si>
  <si>
    <t>みるみるスピードアップ 
タイピング上達の法則</t>
  </si>
  <si>
    <t>5010-1</t>
  </si>
  <si>
    <t>880</t>
  </si>
  <si>
    <t>マンガで学ぶ
エクセル VBA・マクロ</t>
    <phoneticPr fontId="4"/>
  </si>
  <si>
    <t>6679-9</t>
  </si>
  <si>
    <t>1430</t>
  </si>
  <si>
    <t>速効!ポケットマニュアル Excel関数 便利ワザ 2019 &amp; 2016 &amp; 2013</t>
  </si>
  <si>
    <t>6866-3</t>
  </si>
  <si>
    <t>925</t>
  </si>
  <si>
    <t>速効!ポケットマニュアルExcel VBA・マクロ自動化ワザ 2019 &amp; 2016 &amp; 2013</t>
  </si>
  <si>
    <t>6859-5</t>
  </si>
  <si>
    <t>B3-06</t>
    <phoneticPr fontId="4"/>
  </si>
  <si>
    <t>ビジネスOfficeスキルこれだけ！ Excel &amp; PowerPoint &amp; Word &amp; Office365
頻出ワザ＆便利テク</t>
    <phoneticPr fontId="4"/>
  </si>
  <si>
    <t>6856-4</t>
  </si>
  <si>
    <t>5971-5</t>
  </si>
  <si>
    <t>2580</t>
  </si>
  <si>
    <t>実践力を身につける
Pythonの教科書</t>
    <phoneticPr fontId="4"/>
  </si>
  <si>
    <t>6024-7</t>
  </si>
  <si>
    <t>ゼロからやさしくはじめる
Python入門</t>
    <rPh sb="19" eb="21">
      <t>ニュウモン</t>
    </rPh>
    <phoneticPr fontId="59"/>
  </si>
  <si>
    <t>6469-6</t>
  </si>
  <si>
    <t>2310</t>
  </si>
  <si>
    <t>B2-14</t>
  </si>
  <si>
    <t>楽しく学ぶ
Unity2D超入門講座</t>
    <phoneticPr fontId="4"/>
  </si>
  <si>
    <t>6676-8</t>
  </si>
  <si>
    <t>B2-50</t>
  </si>
  <si>
    <t>6021-6</t>
  </si>
  <si>
    <t>2490</t>
  </si>
  <si>
    <t xml:space="preserve"> B2-50</t>
  </si>
  <si>
    <t>プログラミングコンテスト
チャレンジブック [第2版]</t>
    <phoneticPr fontId="4"/>
  </si>
  <si>
    <t>4106-2</t>
  </si>
  <si>
    <t>3280</t>
  </si>
  <si>
    <t>B2-51</t>
  </si>
  <si>
    <t>マンガでざっくり学ぶ
プログラミング</t>
  </si>
  <si>
    <t>6435-1</t>
  </si>
  <si>
    <t>B2-52</t>
    <phoneticPr fontId="4"/>
  </si>
  <si>
    <t>いちばんはじめのプログラミング［Scratch 3対応］</t>
  </si>
  <si>
    <t>6809-0</t>
  </si>
  <si>
    <t>これからの「標準」を身につける　HTML+CSSデザインレシピ</t>
  </si>
  <si>
    <t>4887-0</t>
  </si>
  <si>
    <t>2880</t>
  </si>
  <si>
    <t>B5-01</t>
    <phoneticPr fontId="4"/>
  </si>
  <si>
    <t>5409-3</t>
  </si>
  <si>
    <t>６ステップでマスターする
「最新標準」HTML+CSSデザイン</t>
    <phoneticPr fontId="4"/>
  </si>
  <si>
    <t>6022-3</t>
  </si>
  <si>
    <r>
      <rPr>
        <b/>
        <sz val="80"/>
        <rFont val="ＭＳ Ｐゴシック"/>
        <family val="3"/>
        <charset val="128"/>
        <scheme val="major"/>
      </rPr>
      <t>秀和システム（FAX03-6264-3094）</t>
    </r>
    <r>
      <rPr>
        <sz val="36"/>
        <rFont val="ＭＳ Ｐゴシック"/>
        <family val="3"/>
        <charset val="128"/>
        <scheme val="major"/>
      </rPr>
      <t/>
    </r>
    <rPh sb="0" eb="2">
      <t>シュウワ</t>
    </rPh>
    <phoneticPr fontId="4"/>
  </si>
  <si>
    <t>はじめてのWord 2019</t>
  </si>
  <si>
    <t>5680-7</t>
  </si>
  <si>
    <t>VLOOKUP関数のツボとコツがゼッタイにわかる本</t>
  </si>
  <si>
    <t>5167-3</t>
  </si>
  <si>
    <t>はじめてのExcel 2019</t>
  </si>
  <si>
    <t>5679-1</t>
  </si>
  <si>
    <t>B6-01</t>
    <phoneticPr fontId="4"/>
  </si>
  <si>
    <t>PHPフレームワークLaravel入門 第２版</t>
  </si>
  <si>
    <t>図解！Excel VBAのツボとコツがゼッタイにわかる本 “超”入門編</t>
  </si>
  <si>
    <t>5370-7</t>
  </si>
  <si>
    <t>B8-01</t>
  </si>
  <si>
    <t>図解入門 最新 人工知能が
よ～くわかる本</t>
  </si>
  <si>
    <t>4687-7</t>
  </si>
  <si>
    <t>はじめてのPowerPoint 2019</t>
  </si>
  <si>
    <t>5681-4</t>
  </si>
  <si>
    <t>プログラミングって何？ 親子でゼロからわかる本</t>
  </si>
  <si>
    <t>4766-9</t>
  </si>
  <si>
    <t>C1-01</t>
  </si>
  <si>
    <t>はじめての今さら聞けないスマートフォン入門［第2版］</t>
  </si>
  <si>
    <t>5487-2</t>
  </si>
  <si>
    <t>マウスで楽しく学べるスクラッチ 子どもプログラミング入門</t>
  </si>
  <si>
    <t>5307-3</t>
  </si>
  <si>
    <t>はじめてのスマートフォンの困ったをサクッと解決［第2版］</t>
  </si>
  <si>
    <t>5622-7</t>
  </si>
  <si>
    <t>はじめてのWindows7→10 引っ越し 乗り換え</t>
  </si>
  <si>
    <t>6077-4</t>
    <phoneticPr fontId="4"/>
  </si>
  <si>
    <t>図解でわかる 最新タイピングが1週間で身につく本</t>
  </si>
  <si>
    <t>5741-5</t>
  </si>
  <si>
    <t>D1-02</t>
  </si>
  <si>
    <t>最新・基本パソコン用語事典[第4版]</t>
  </si>
  <si>
    <t>4866-6</t>
  </si>
  <si>
    <t>D3-04</t>
  </si>
  <si>
    <t>はじめての今さら聞けないLINE入門[第2版]</t>
  </si>
  <si>
    <t>5184-0</t>
  </si>
  <si>
    <t>はじめての今さら聞けないFacebook［第2版］</t>
  </si>
  <si>
    <t>5449-0</t>
  </si>
  <si>
    <t>世界でいちばん簡単な ExcelVBAのe本[第３版]</t>
  </si>
  <si>
    <t>5986-0</t>
    <phoneticPr fontId="4"/>
  </si>
  <si>
    <t>D3-01</t>
  </si>
  <si>
    <t>YouTube完全マニュアル</t>
  </si>
  <si>
    <t>5423-0</t>
  </si>
  <si>
    <t xml:space="preserve">Googleサービス完全マニュアル </t>
  </si>
  <si>
    <t>5421-6</t>
  </si>
  <si>
    <t>はじめての今さら聞けないアフィリエイト入門［第2版］</t>
  </si>
  <si>
    <t>5552-7</t>
  </si>
  <si>
    <t>Twitter完全マニュアル</t>
  </si>
  <si>
    <t>5933-4</t>
    <phoneticPr fontId="4"/>
  </si>
  <si>
    <t>苦しんで覚えるC言語</t>
  </si>
  <si>
    <t>3014-2</t>
  </si>
  <si>
    <t>世界でいちばん簡単なVisual C++のe本［最新第2版］</t>
  </si>
  <si>
    <t>5288-5</t>
  </si>
  <si>
    <t>B2-02</t>
  </si>
  <si>
    <t>世界でいちばん簡単なVisual Basicのe本［最新第4版]</t>
    <phoneticPr fontId="4"/>
  </si>
  <si>
    <t>5286-1</t>
  </si>
  <si>
    <t>世界でいちばん簡単な Visual C#のe本［最新第3版］</t>
  </si>
  <si>
    <t>5287-8</t>
  </si>
  <si>
    <t>B2-13</t>
  </si>
  <si>
    <t>世界でいちばん簡単な Androidプログラミングのe本［最新第2版］</t>
  </si>
  <si>
    <t>4980-9</t>
  </si>
  <si>
    <t>世界でいちばん簡単な Pythonプログラミングのe本</t>
  </si>
  <si>
    <t>4979-3</t>
  </si>
  <si>
    <t xml:space="preserve">Pythonプログラミング パーフェクトマスター </t>
  </si>
  <si>
    <t>4816-1</t>
  </si>
  <si>
    <t>これからはじめる人のプログラミング言語の選び方</t>
  </si>
  <si>
    <t>5746-0</t>
  </si>
  <si>
    <t>図解！ Excel VBAのツボとコツがゼッタイにわかる本 プログラミング実践編</t>
  </si>
  <si>
    <t>5371-4</t>
  </si>
  <si>
    <t>この注文書はCPU（コンピュータ出版販売研究機構）がおススメする上記出版社分の補充用注文書です。
ご注文は、下記へ直接ファクスしてください。
年に2回メンテナンス（2月・8月）に行いますので、最新の注文書をご利用いただければ幸いです。
＊小コードについて　2018年1月より棚コードを改訂しております。
当注文書は新規コードに則ってコードを付与していますが、実際には2018年1月以前刊行のスリップには、
旧コードの記載となっております。
平台面陳に残していただきたいロングセラーについては「平台」と記してありますので、ご参考にしてください。</t>
    <rPh sb="54" eb="55">
      <t>シタ</t>
    </rPh>
    <rPh sb="220" eb="222">
      <t>ヒラダイ</t>
    </rPh>
    <rPh sb="222" eb="223">
      <t>メン</t>
    </rPh>
    <rPh sb="223" eb="224">
      <t>チン</t>
    </rPh>
    <rPh sb="225" eb="226">
      <t>ノコ</t>
    </rPh>
    <rPh sb="246" eb="248">
      <t>ヒラダイ</t>
    </rPh>
    <rPh sb="250" eb="251">
      <t>シル</t>
    </rPh>
    <rPh sb="261" eb="263">
      <t>サンコウ</t>
    </rPh>
    <phoneticPr fontId="4"/>
  </si>
  <si>
    <t>かんたん Word</t>
    <phoneticPr fontId="4"/>
  </si>
  <si>
    <t>10087-2</t>
  </si>
  <si>
    <t>mini Excel関数 
基本＆便利技</t>
    <phoneticPr fontId="4"/>
  </si>
  <si>
    <t>10535-8</t>
  </si>
  <si>
    <t>S</t>
    <phoneticPr fontId="4"/>
  </si>
  <si>
    <t>デキます！ ワード 超入門</t>
    <rPh sb="10" eb="11">
      <t>チョウ</t>
    </rPh>
    <rPh sb="11" eb="13">
      <t>ニュウモン</t>
    </rPh>
    <phoneticPr fontId="4"/>
  </si>
  <si>
    <t>10979-0</t>
  </si>
  <si>
    <t>mini Excelマクロ＆VBA 
基本＆便利技</t>
    <phoneticPr fontId="4"/>
  </si>
  <si>
    <t>10539-6</t>
  </si>
  <si>
    <t>かんたん Word＆Excel</t>
    <phoneticPr fontId="4"/>
  </si>
  <si>
    <t>10095-7</t>
  </si>
  <si>
    <t>これからはじめる Illustrator &amp; Photoshop</t>
    <phoneticPr fontId="4"/>
  </si>
  <si>
    <t>10553-2</t>
  </si>
  <si>
    <t>かんたん Excel</t>
    <phoneticPr fontId="4"/>
  </si>
  <si>
    <t>10083-4</t>
  </si>
  <si>
    <t>B4-02</t>
  </si>
  <si>
    <t>L</t>
    <phoneticPr fontId="4"/>
  </si>
  <si>
    <t>Blender CGアニメーション
テクニック</t>
    <phoneticPr fontId="4"/>
  </si>
  <si>
    <t>10863-2</t>
  </si>
  <si>
    <t>デキます！ エクセル 超入門</t>
    <rPh sb="11" eb="12">
      <t>チョウ</t>
    </rPh>
    <rPh sb="12" eb="14">
      <t>ニュウモン</t>
    </rPh>
    <phoneticPr fontId="4"/>
  </si>
  <si>
    <t>10975-2</t>
  </si>
  <si>
    <t>B4-06</t>
  </si>
  <si>
    <t>Ex 動画編集＆DVD作成
プロ技</t>
    <phoneticPr fontId="4"/>
  </si>
  <si>
    <t>10883-0</t>
  </si>
  <si>
    <t>かんたん PowerPoint</t>
    <phoneticPr fontId="4"/>
  </si>
  <si>
    <t>10097-1</t>
  </si>
  <si>
    <t>HTML5＆CSS3コーディングとサイト制作の教科書</t>
    <phoneticPr fontId="4"/>
  </si>
  <si>
    <t>10302-6</t>
  </si>
  <si>
    <t>伝わるデザインの基本
改訂版</t>
    <phoneticPr fontId="4"/>
  </si>
  <si>
    <t>8321-3</t>
  </si>
  <si>
    <t>HTML＆CSSとWebデザインが1冊でわかる本</t>
    <rPh sb="23" eb="24">
      <t>ホン</t>
    </rPh>
    <phoneticPr fontId="4"/>
  </si>
  <si>
    <t>9064-8</t>
  </si>
  <si>
    <t>デキます！ パソコン超入門 
改訂3版</t>
    <rPh sb="18" eb="19">
      <t>パン</t>
    </rPh>
    <phoneticPr fontId="4"/>
  </si>
  <si>
    <t>9812-5</t>
  </si>
  <si>
    <t>WordPress 
仕事の現場で使える教科書</t>
    <phoneticPr fontId="4"/>
  </si>
  <si>
    <t>7380-1</t>
  </si>
  <si>
    <t>D2-01</t>
  </si>
  <si>
    <t>かんたん Windows 10</t>
    <phoneticPr fontId="4"/>
  </si>
  <si>
    <t>10971-4</t>
  </si>
  <si>
    <t>JavaScript本格入門 改訂版</t>
  </si>
  <si>
    <t>8411-1</t>
  </si>
  <si>
    <t>かんたん Windows 10 
完全ガイド</t>
    <phoneticPr fontId="4"/>
  </si>
  <si>
    <t>10644-7</t>
  </si>
  <si>
    <t>JavaScript コードレシピ集</t>
  </si>
  <si>
    <t>10368-2</t>
  </si>
  <si>
    <t>B3-02</t>
  </si>
  <si>
    <t>M</t>
    <phoneticPr fontId="4"/>
  </si>
  <si>
    <t>かんたん Access</t>
    <phoneticPr fontId="4"/>
  </si>
  <si>
    <t>10650-8</t>
  </si>
  <si>
    <t>B9-99</t>
  </si>
  <si>
    <t>Kaggleで勝つ
データ分析の技術</t>
    <phoneticPr fontId="4"/>
  </si>
  <si>
    <t>10843-4</t>
  </si>
  <si>
    <t>かんたん Excel関数</t>
    <phoneticPr fontId="4"/>
  </si>
  <si>
    <t>10230-2</t>
  </si>
  <si>
    <t>D1-03</t>
    <phoneticPr fontId="4"/>
  </si>
  <si>
    <t>コレ1枚でわかる
最新ITトレンド 改訂3版</t>
    <phoneticPr fontId="4"/>
  </si>
  <si>
    <t>11145-8</t>
  </si>
  <si>
    <t>かんたん Excel
マクロ＆VBA</t>
    <phoneticPr fontId="4"/>
  </si>
  <si>
    <t>10241-8</t>
  </si>
  <si>
    <t>Ex YouTube 投稿＆集客 
プロ技</t>
    <phoneticPr fontId="4"/>
  </si>
  <si>
    <t>8963-5</t>
  </si>
  <si>
    <t>PowerPoint資料作成 
プロフェッショナル</t>
    <phoneticPr fontId="4"/>
  </si>
  <si>
    <t>10308-8</t>
  </si>
  <si>
    <t>LINE スマートガイド
改訂版</t>
    <phoneticPr fontId="4"/>
  </si>
  <si>
    <t>9682-4</t>
  </si>
  <si>
    <t>B3-06</t>
  </si>
  <si>
    <t>かんたん Outlook</t>
    <phoneticPr fontId="4"/>
  </si>
  <si>
    <t>10139-8</t>
  </si>
  <si>
    <t>Twitter スマートガイド
改訂版</t>
    <phoneticPr fontId="4"/>
  </si>
  <si>
    <t>10427-6</t>
  </si>
  <si>
    <t>大きな字
スマートフォン 超入門</t>
    <phoneticPr fontId="4"/>
  </si>
  <si>
    <t>10549-5</t>
  </si>
  <si>
    <t>大きな字
パソコン入門 改訂版</t>
    <phoneticPr fontId="4"/>
  </si>
  <si>
    <t>9849-1</t>
  </si>
  <si>
    <t>mini LINE&amp;Instagram&amp;
Facebook&amp;Twitter</t>
    <phoneticPr fontId="4"/>
  </si>
  <si>
    <t>10374-3</t>
  </si>
  <si>
    <t>大きな字
LINE 超入門</t>
    <phoneticPr fontId="4"/>
  </si>
  <si>
    <t>10384-2</t>
  </si>
  <si>
    <t>かんたん Scratch</t>
  </si>
  <si>
    <t>10547-1</t>
  </si>
  <si>
    <t>作って学べる Unity 超入門</t>
  </si>
  <si>
    <t>10378-1</t>
  </si>
  <si>
    <t>Pythonスタートブック
改訂版</t>
    <phoneticPr fontId="4"/>
  </si>
  <si>
    <t>9643-5</t>
  </si>
  <si>
    <t>エクセル［最強］時短仕事術</t>
  </si>
  <si>
    <t>10557-0</t>
  </si>
  <si>
    <t>mini Excel 基本技</t>
    <phoneticPr fontId="4"/>
  </si>
  <si>
    <t>10537-2</t>
  </si>
  <si>
    <t>mini Excel
困った解決&amp;便利技</t>
    <phoneticPr fontId="4"/>
  </si>
  <si>
    <t>10545-7</t>
  </si>
  <si>
    <t>SBクリエイティブ（FAX 03-5549-1211）</t>
    <phoneticPr fontId="4"/>
  </si>
  <si>
    <t>【SBクリエイティブ ISBN】　⑦⇒978-4-7973-XXXX-X／⑧⇒978-4-8156-XXXX-X</t>
    <phoneticPr fontId="4"/>
  </si>
  <si>
    <t>プログラミング入門講座</t>
  </si>
  <si>
    <t>⑦8310-2</t>
  </si>
  <si>
    <t>イラスト図解式 この一冊で全部わかるサーバーの基本</t>
  </si>
  <si>
    <t>⑦8666-0</t>
  </si>
  <si>
    <t>Excel 最強の教科書［完全版］</t>
  </si>
  <si>
    <t>⑦8870-1</t>
  </si>
  <si>
    <t>イラスト図解式 この一冊で全部わかるセキュリティの基本</t>
  </si>
  <si>
    <t>⑦8880-0</t>
  </si>
  <si>
    <t>Excel完全ガイド　基本操作＋疑問・困った解決＋便利ワザ 改訂２版</t>
  </si>
  <si>
    <t>⑧0091-4</t>
  </si>
  <si>
    <t>イラスト図解式 この一冊で全部わかるネットワークの基本</t>
  </si>
  <si>
    <t>⑦8667-7</t>
  </si>
  <si>
    <t>とことん解説！ キャラクターの描き方入門教室</t>
  </si>
  <si>
    <t>⑦9363-7</t>
  </si>
  <si>
    <t>ネットワーク超入門講座 第4版</t>
  </si>
  <si>
    <t>⑦9447-4</t>
  </si>
  <si>
    <t>Illustrator しっかり入門 増補改訂 第２版 【CC完全対応】</t>
  </si>
  <si>
    <t>⑦9725-3</t>
  </si>
  <si>
    <t>H1-01</t>
  </si>
  <si>
    <t>【令和２年度】　いちばんやさしいITパスポート　絶対合格の教科書＋出る順問題集</t>
    <phoneticPr fontId="4"/>
  </si>
  <si>
    <t>⑧0496-7</t>
    <phoneticPr fontId="4"/>
  </si>
  <si>
    <t>Photoshop しっかり入門 増補改訂 第２版 【CC完全対応】</t>
  </si>
  <si>
    <t>⑦9724-6</t>
  </si>
  <si>
    <t>1冊ですべて身につくHTML &amp; CSSとWebデザイン入門講座</t>
    <phoneticPr fontId="4"/>
  </si>
  <si>
    <t>⑦9889-2</t>
    <phoneticPr fontId="4"/>
  </si>
  <si>
    <t>パソコン仕事が10倍速くなる80の方法</t>
  </si>
  <si>
    <t>⑦9085-8</t>
  </si>
  <si>
    <t>Windows 10完全ガイド　基本操作＋疑問・困った解決＋便利ワザ　改訂2版</t>
  </si>
  <si>
    <t>⑧0092-1</t>
  </si>
  <si>
    <t>LINE, Instagram, Facebook, Twitter やりたいことが全部わかる本</t>
  </si>
  <si>
    <t>⑦9840-3</t>
  </si>
  <si>
    <t>スラスラわかるHTML＆CSSのきほん 第2版</t>
  </si>
  <si>
    <t>⑦9315-6</t>
  </si>
  <si>
    <t>Excel VBAの教科書</t>
  </si>
  <si>
    <t>⑦9698-0</t>
  </si>
  <si>
    <t>デジタルイラストの「身体」描き方事典</t>
  </si>
  <si>
    <t>⑦8406-2</t>
  </si>
  <si>
    <t>デジタルイラストの「塗り」事典</t>
  </si>
  <si>
    <t>⑦8646-2</t>
  </si>
  <si>
    <t>コンピューター＆テクノロジー解体新書</t>
  </si>
  <si>
    <t>⑦8429-1</t>
  </si>
  <si>
    <t>やさしいJava 第7版</t>
  </si>
  <si>
    <t>⑧0084-6</t>
  </si>
  <si>
    <t>みんなのPython 第4版</t>
  </si>
  <si>
    <t>⑦8946-3</t>
  </si>
  <si>
    <t>Photoshop 10年使える逆引き手帖【CC完全対応】</t>
  </si>
  <si>
    <t>⑦9826-7</t>
  </si>
  <si>
    <t>「キャラの背景」描き方教室</t>
  </si>
  <si>
    <t>⑦9150-3</t>
  </si>
  <si>
    <t>デジタルイラストの「塗り」事典BOYS</t>
  </si>
  <si>
    <t>⑦9307-1</t>
  </si>
  <si>
    <t>配色アイデア手帖</t>
  </si>
  <si>
    <t>⑦9324-8</t>
  </si>
  <si>
    <t>配色アイデア手帖 日本の美しい色と言葉</t>
  </si>
  <si>
    <t>⑦9833-5</t>
  </si>
  <si>
    <t>デザイン入門教室［特別講義］</t>
  </si>
  <si>
    <t>⑦5142-2</t>
  </si>
  <si>
    <t>本当によくわかるHTML＆CSSの教科書</t>
  </si>
  <si>
    <t>⑦9524-2</t>
  </si>
  <si>
    <t>イラスト図解式 この一冊で全部わかるWeb技術の基本</t>
  </si>
  <si>
    <t>⑦8881-7</t>
  </si>
  <si>
    <t>インプレス (FAX 03-6837-4649）</t>
    <phoneticPr fontId="4"/>
  </si>
  <si>
    <t>インプレスISBN ：</t>
    <phoneticPr fontId="4"/>
  </si>
  <si>
    <t>①(5桁) 978-4-8443-XXXX-X　②(6桁) 978-4-295-×××××-×　</t>
    <phoneticPr fontId="4"/>
  </si>
  <si>
    <t>S</t>
    <phoneticPr fontId="19"/>
  </si>
  <si>
    <t>できる Word2019</t>
    <phoneticPr fontId="19"/>
  </si>
  <si>
    <t>00554-4</t>
    <phoneticPr fontId="19"/>
  </si>
  <si>
    <t>L</t>
    <phoneticPr fontId="19"/>
  </si>
  <si>
    <t>関数は「使える順」に極めよう！
Excel最高の学び方</t>
    <rPh sb="0" eb="2">
      <t>カンスウ</t>
    </rPh>
    <rPh sb="4" eb="5">
      <t>ツカ</t>
    </rPh>
    <rPh sb="7" eb="8">
      <t>ジュン</t>
    </rPh>
    <rPh sb="10" eb="11">
      <t>キワ</t>
    </rPh>
    <rPh sb="21" eb="23">
      <t>サイコウ</t>
    </rPh>
    <rPh sb="24" eb="25">
      <t>マナ</t>
    </rPh>
    <rPh sb="26" eb="27">
      <t>カタ</t>
    </rPh>
    <phoneticPr fontId="19"/>
  </si>
  <si>
    <t>00309-0</t>
    <phoneticPr fontId="19"/>
  </si>
  <si>
    <t>できるゼロからはじめる 
ワード&amp;エクセル超入門2016対応</t>
    <rPh sb="21" eb="22">
      <t>チョウ</t>
    </rPh>
    <rPh sb="22" eb="24">
      <t>ニュウモン</t>
    </rPh>
    <rPh sb="28" eb="30">
      <t>タイオウ</t>
    </rPh>
    <phoneticPr fontId="19"/>
  </si>
  <si>
    <t>8124-2</t>
    <phoneticPr fontId="19"/>
  </si>
  <si>
    <t>できるYouTuber式 Excel現場の教科書</t>
    <rPh sb="11" eb="12">
      <t>シキ</t>
    </rPh>
    <rPh sb="18" eb="20">
      <t>ゲンバ</t>
    </rPh>
    <rPh sb="21" eb="24">
      <t>キョウカショ</t>
    </rPh>
    <phoneticPr fontId="19"/>
  </si>
  <si>
    <t>00558－2</t>
    <phoneticPr fontId="4"/>
  </si>
  <si>
    <t>できるポケット 時短の王道 
Excel関数全事典 改訂版</t>
    <rPh sb="8" eb="10">
      <t>ジタン</t>
    </rPh>
    <rPh sb="11" eb="13">
      <t>オウドウ</t>
    </rPh>
    <rPh sb="20" eb="22">
      <t>カンスウ</t>
    </rPh>
    <rPh sb="22" eb="23">
      <t>ゼン</t>
    </rPh>
    <rPh sb="23" eb="25">
      <t>ジテン</t>
    </rPh>
    <rPh sb="26" eb="29">
      <t>カイテイバン</t>
    </rPh>
    <phoneticPr fontId="19"/>
  </si>
  <si>
    <t>00580-3</t>
    <phoneticPr fontId="19"/>
  </si>
  <si>
    <t>できる大事典 Excel関数 
2016-2010対応</t>
    <rPh sb="3" eb="6">
      <t>ダイジテン</t>
    </rPh>
    <rPh sb="12" eb="14">
      <t>カンスウ</t>
    </rPh>
    <rPh sb="25" eb="27">
      <t>タイオウ</t>
    </rPh>
    <phoneticPr fontId="19"/>
  </si>
  <si>
    <t>00225-3</t>
    <phoneticPr fontId="19"/>
  </si>
  <si>
    <t>できるPower Point 2019</t>
    <phoneticPr fontId="19"/>
  </si>
  <si>
    <t>00556-8</t>
    <phoneticPr fontId="19"/>
  </si>
  <si>
    <t xml:space="preserve">
できる大事典 Excel2016 
</t>
    <rPh sb="4" eb="7">
      <t>ダイジテン</t>
    </rPh>
    <phoneticPr fontId="19"/>
  </si>
  <si>
    <t>8130-3</t>
    <phoneticPr fontId="19"/>
  </si>
  <si>
    <t>できるPower Pointパーフェクトブック困った！&amp;便利ワザ大全 2016-2007対応</t>
    <rPh sb="23" eb="24">
      <t>コマ</t>
    </rPh>
    <rPh sb="28" eb="30">
      <t>ベンリ</t>
    </rPh>
    <rPh sb="32" eb="34">
      <t>タイゼン</t>
    </rPh>
    <rPh sb="44" eb="46">
      <t>タイオウ</t>
    </rPh>
    <phoneticPr fontId="19"/>
  </si>
  <si>
    <t>00044-0</t>
    <phoneticPr fontId="19"/>
  </si>
  <si>
    <t>B4-01</t>
    <phoneticPr fontId="19"/>
  </si>
  <si>
    <t xml:space="preserve">プロ絵師の技を完全マスター キャラ塗り上達術決定版 </t>
    <rPh sb="2" eb="4">
      <t>エシ</t>
    </rPh>
    <rPh sb="5" eb="6">
      <t>ワザ</t>
    </rPh>
    <rPh sb="7" eb="9">
      <t>カンゼン</t>
    </rPh>
    <rPh sb="17" eb="18">
      <t>ヌ</t>
    </rPh>
    <rPh sb="19" eb="21">
      <t>ジョウタツ</t>
    </rPh>
    <rPh sb="21" eb="22">
      <t>ジュツ</t>
    </rPh>
    <rPh sb="22" eb="24">
      <t>ケッテイ</t>
    </rPh>
    <rPh sb="24" eb="25">
      <t>バン</t>
    </rPh>
    <phoneticPr fontId="19"/>
  </si>
  <si>
    <t>00563-6</t>
    <phoneticPr fontId="19"/>
  </si>
  <si>
    <t>一生使える 見やすい資料のデザイン入門</t>
    <rPh sb="0" eb="2">
      <t>イッショウ</t>
    </rPh>
    <rPh sb="2" eb="3">
      <t>ツカ</t>
    </rPh>
    <rPh sb="6" eb="7">
      <t>ミ</t>
    </rPh>
    <rPh sb="10" eb="12">
      <t>シリョウ</t>
    </rPh>
    <rPh sb="17" eb="19">
      <t>ニュウモン</t>
    </rPh>
    <phoneticPr fontId="19"/>
  </si>
  <si>
    <t>3963-2</t>
    <phoneticPr fontId="19"/>
  </si>
  <si>
    <t>できる Photoshop Elements2019</t>
    <phoneticPr fontId="19"/>
  </si>
  <si>
    <t>00534-6</t>
    <phoneticPr fontId="19"/>
  </si>
  <si>
    <t>C1-02</t>
    <phoneticPr fontId="4"/>
  </si>
  <si>
    <t>iPhone芸人かじがや卓哉の超スゴイiPhone超絶便利なテクニック125</t>
    <rPh sb="6" eb="8">
      <t>ゲイニン</t>
    </rPh>
    <rPh sb="12" eb="14">
      <t>タクヤ</t>
    </rPh>
    <rPh sb="15" eb="16">
      <t>チョウ</t>
    </rPh>
    <rPh sb="25" eb="27">
      <t>チョウゼツ</t>
    </rPh>
    <rPh sb="27" eb="29">
      <t>ベンリ</t>
    </rPh>
    <phoneticPr fontId="19"/>
  </si>
  <si>
    <t>00799-9</t>
    <phoneticPr fontId="19"/>
  </si>
  <si>
    <t>B5-01</t>
    <phoneticPr fontId="19"/>
  </si>
  <si>
    <t>いちばんやさしいWordPressの教本 第4版</t>
    <rPh sb="18" eb="20">
      <t>キョウホン</t>
    </rPh>
    <rPh sb="21" eb="22">
      <t>ダイ</t>
    </rPh>
    <rPh sb="23" eb="24">
      <t>ハン</t>
    </rPh>
    <phoneticPr fontId="19"/>
  </si>
  <si>
    <t>00666-4</t>
    <phoneticPr fontId="19"/>
  </si>
  <si>
    <t>できるポケット 時短の王道 
ショートカットキー全事典 改訂版</t>
    <rPh sb="8" eb="10">
      <t>ジタン</t>
    </rPh>
    <rPh sb="11" eb="13">
      <t>オウドウ</t>
    </rPh>
    <rPh sb="24" eb="25">
      <t>ゼン</t>
    </rPh>
    <rPh sb="25" eb="27">
      <t>ジテン</t>
    </rPh>
    <rPh sb="28" eb="31">
      <t>カイテイバン</t>
    </rPh>
    <phoneticPr fontId="19"/>
  </si>
  <si>
    <t>00522-3</t>
    <phoneticPr fontId="19"/>
  </si>
  <si>
    <t>B6-01</t>
    <phoneticPr fontId="19"/>
  </si>
  <si>
    <t>いちばんやさしいPHPの教本 第2版</t>
    <rPh sb="12" eb="14">
      <t>キョウホン</t>
    </rPh>
    <rPh sb="15" eb="16">
      <t>ダイ</t>
    </rPh>
    <rPh sb="17" eb="18">
      <t>ハン</t>
    </rPh>
    <phoneticPr fontId="19"/>
  </si>
  <si>
    <t>00124-9</t>
    <phoneticPr fontId="19"/>
  </si>
  <si>
    <t>美タイピング完全マスター練習長</t>
    <rPh sb="0" eb="1">
      <t>ビ</t>
    </rPh>
    <rPh sb="6" eb="8">
      <t>カンゼン</t>
    </rPh>
    <rPh sb="12" eb="14">
      <t>レンシュウ</t>
    </rPh>
    <rPh sb="14" eb="15">
      <t>チョウ</t>
    </rPh>
    <phoneticPr fontId="19"/>
  </si>
  <si>
    <t>00081-5</t>
    <phoneticPr fontId="19"/>
  </si>
  <si>
    <t>B6-02</t>
    <phoneticPr fontId="19"/>
  </si>
  <si>
    <t>スラスラ読める JavaScript
フリガナプログラミング</t>
    <rPh sb="4" eb="5">
      <t>ヨ</t>
    </rPh>
    <phoneticPr fontId="19"/>
  </si>
  <si>
    <t>00385-4</t>
    <phoneticPr fontId="19"/>
  </si>
  <si>
    <t>できるゼロからはじめる LINE超入門</t>
    <rPh sb="16" eb="17">
      <t>チョウ</t>
    </rPh>
    <rPh sb="17" eb="19">
      <t>ニュウモン</t>
    </rPh>
    <phoneticPr fontId="19"/>
  </si>
  <si>
    <t>00253-6</t>
    <phoneticPr fontId="19"/>
  </si>
  <si>
    <t>B7-04</t>
    <phoneticPr fontId="19"/>
  </si>
  <si>
    <t>いちばんやさしいGit&amp;GitHubの教本</t>
    <rPh sb="19" eb="21">
      <t>キョウホン</t>
    </rPh>
    <phoneticPr fontId="19"/>
  </si>
  <si>
    <t>00524-7</t>
    <phoneticPr fontId="19"/>
  </si>
  <si>
    <t>M</t>
    <phoneticPr fontId="19"/>
  </si>
  <si>
    <t>できるWord&amp;Excel2019</t>
    <phoneticPr fontId="19"/>
  </si>
  <si>
    <t>00555-1</t>
    <phoneticPr fontId="19"/>
  </si>
  <si>
    <t>C1-01</t>
    <phoneticPr fontId="19"/>
  </si>
  <si>
    <t>できるゼロからはじめるAndroidスマートフォン超入門 改訂3版</t>
    <rPh sb="25" eb="26">
      <t>チョウ</t>
    </rPh>
    <rPh sb="26" eb="28">
      <t>ニュウモン</t>
    </rPh>
    <rPh sb="29" eb="31">
      <t>カイテイ</t>
    </rPh>
    <rPh sb="32" eb="33">
      <t>ハン</t>
    </rPh>
    <phoneticPr fontId="19"/>
  </si>
  <si>
    <t>00367-0</t>
    <phoneticPr fontId="19"/>
  </si>
  <si>
    <t>できるAccess2016</t>
    <phoneticPr fontId="19"/>
  </si>
  <si>
    <t>8066-5</t>
    <phoneticPr fontId="19"/>
  </si>
  <si>
    <t>できるゼロからはじめるAndroidスマートフォン超入門 活用ガイドブック</t>
    <rPh sb="25" eb="26">
      <t>チョウ</t>
    </rPh>
    <rPh sb="26" eb="28">
      <t>ニュウモン</t>
    </rPh>
    <rPh sb="29" eb="31">
      <t>カツヨウ</t>
    </rPh>
    <phoneticPr fontId="19"/>
  </si>
  <si>
    <t>00114-0</t>
    <phoneticPr fontId="19"/>
  </si>
  <si>
    <t>B3-03</t>
    <phoneticPr fontId="19"/>
  </si>
  <si>
    <t>いちばんやさしいExcel VBAの教本</t>
    <rPh sb="18" eb="20">
      <t>キョウホン</t>
    </rPh>
    <phoneticPr fontId="19"/>
  </si>
  <si>
    <t>00306-9</t>
    <phoneticPr fontId="19"/>
  </si>
  <si>
    <t>いちばんやさしいSEOの教本 第2版</t>
    <rPh sb="12" eb="14">
      <t>キョウホン</t>
    </rPh>
    <rPh sb="15" eb="16">
      <t>ダイ</t>
    </rPh>
    <rPh sb="17" eb="18">
      <t>ハン</t>
    </rPh>
    <phoneticPr fontId="19"/>
  </si>
  <si>
    <t>00408-0</t>
    <phoneticPr fontId="19"/>
  </si>
  <si>
    <t>できるExcel2019</t>
    <phoneticPr fontId="19"/>
  </si>
  <si>
    <t>00553-7</t>
    <phoneticPr fontId="19"/>
  </si>
  <si>
    <t>H1-03</t>
    <phoneticPr fontId="19"/>
  </si>
  <si>
    <t>1週間でLPICの基礎が学べる本 第2版</t>
    <rPh sb="1" eb="3">
      <t>シュウカン</t>
    </rPh>
    <rPh sb="9" eb="11">
      <t>キソ</t>
    </rPh>
    <rPh sb="12" eb="13">
      <t>マナ</t>
    </rPh>
    <rPh sb="15" eb="16">
      <t>ホン</t>
    </rPh>
    <rPh sb="17" eb="18">
      <t>ダイ</t>
    </rPh>
    <rPh sb="19" eb="20">
      <t>ハン</t>
    </rPh>
    <phoneticPr fontId="19"/>
  </si>
  <si>
    <t>3530-6</t>
    <phoneticPr fontId="19"/>
  </si>
  <si>
    <t>できるExcelパーフェクトブック困った&amp;便利ワザ大全Office365/2019-2010対応</t>
    <rPh sb="17" eb="18">
      <t>コマ</t>
    </rPh>
    <rPh sb="21" eb="23">
      <t>ベンリ</t>
    </rPh>
    <rPh sb="25" eb="27">
      <t>タイゼン</t>
    </rPh>
    <rPh sb="46" eb="48">
      <t>タイオウ</t>
    </rPh>
    <phoneticPr fontId="19"/>
  </si>
  <si>
    <t>3974-8</t>
    <phoneticPr fontId="19"/>
  </si>
  <si>
    <t>1週間でCCNAの基礎が学べる本 第2版</t>
    <rPh sb="1" eb="3">
      <t>シュウカン</t>
    </rPh>
    <rPh sb="9" eb="11">
      <t>キソ</t>
    </rPh>
    <rPh sb="12" eb="13">
      <t>マナ</t>
    </rPh>
    <rPh sb="15" eb="16">
      <t>ホン</t>
    </rPh>
    <rPh sb="17" eb="18">
      <t>ダイ</t>
    </rPh>
    <rPh sb="19" eb="20">
      <t>ハン</t>
    </rPh>
    <phoneticPr fontId="19"/>
  </si>
  <si>
    <t>8024-5</t>
    <phoneticPr fontId="19"/>
  </si>
  <si>
    <t>できるWord&amp;Excel パーフェクトブック困った！&amp;便利ワザ大全 2016-2013対応</t>
    <rPh sb="23" eb="24">
      <t>コマ</t>
    </rPh>
    <rPh sb="28" eb="30">
      <t>ベンリ</t>
    </rPh>
    <rPh sb="32" eb="34">
      <t>タイゼン</t>
    </rPh>
    <rPh sb="44" eb="46">
      <t>タイオウ</t>
    </rPh>
    <phoneticPr fontId="19"/>
  </si>
  <si>
    <t>8112-9</t>
    <phoneticPr fontId="19"/>
  </si>
  <si>
    <t>できるゼロからはじめるエクセル超入門Excel2016対応</t>
    <rPh sb="15" eb="16">
      <t>チョウ</t>
    </rPh>
    <rPh sb="16" eb="18">
      <t>ニュウモン</t>
    </rPh>
    <rPh sb="27" eb="29">
      <t>タイオウ</t>
    </rPh>
    <phoneticPr fontId="19"/>
  </si>
  <si>
    <t>8122-8</t>
    <phoneticPr fontId="19"/>
  </si>
  <si>
    <t>できるWindows10 改訂5版</t>
    <rPh sb="13" eb="15">
      <t>カイテイ</t>
    </rPh>
    <rPh sb="16" eb="17">
      <t>ハン</t>
    </rPh>
    <phoneticPr fontId="19"/>
  </si>
  <si>
    <t>00812-5</t>
    <phoneticPr fontId="19"/>
  </si>
  <si>
    <t>できるWindows10 改訂5版 パーフェクトブック困った！&amp;便利ワザ大全</t>
    <rPh sb="13" eb="15">
      <t>カイテイ</t>
    </rPh>
    <rPh sb="16" eb="17">
      <t>ハン</t>
    </rPh>
    <rPh sb="27" eb="28">
      <t>コマ</t>
    </rPh>
    <rPh sb="32" eb="34">
      <t>ベンリ</t>
    </rPh>
    <rPh sb="36" eb="38">
      <t>タイゼン</t>
    </rPh>
    <phoneticPr fontId="19"/>
  </si>
  <si>
    <t>00811-8</t>
    <phoneticPr fontId="19"/>
  </si>
  <si>
    <t>LINE&amp;Instgram&amp;Facebook&amp;
Twitter 基本&amp;活用ワザ150【改訂新版】</t>
    <rPh sb="32" eb="34">
      <t>キホン</t>
    </rPh>
    <rPh sb="35" eb="37">
      <t>カツヨウ</t>
    </rPh>
    <rPh sb="43" eb="45">
      <t>カイテイ</t>
    </rPh>
    <rPh sb="45" eb="46">
      <t>シン</t>
    </rPh>
    <rPh sb="46" eb="47">
      <t>バン</t>
    </rPh>
    <phoneticPr fontId="19"/>
  </si>
  <si>
    <t>8121-1</t>
    <phoneticPr fontId="19"/>
  </si>
  <si>
    <t>B2-01</t>
    <phoneticPr fontId="19"/>
  </si>
  <si>
    <t>スッキリわかる C言語入門</t>
    <rPh sb="9" eb="11">
      <t>ゲンゴ</t>
    </rPh>
    <rPh sb="11" eb="13">
      <t>ニュウモン</t>
    </rPh>
    <phoneticPr fontId="19"/>
  </si>
  <si>
    <t>00368-7</t>
    <phoneticPr fontId="19"/>
  </si>
  <si>
    <t>スッキリわかるJava入門 第3版</t>
    <rPh sb="11" eb="13">
      <t>ニュウモン</t>
    </rPh>
    <rPh sb="14" eb="15">
      <t>ダイ</t>
    </rPh>
    <rPh sb="16" eb="17">
      <t>ハン</t>
    </rPh>
    <phoneticPr fontId="19"/>
  </si>
  <si>
    <t>00780-7</t>
    <phoneticPr fontId="19"/>
  </si>
  <si>
    <t>スラスラ読める Python
フリガナプログラミング</t>
    <rPh sb="4" eb="5">
      <t>ヨ</t>
    </rPh>
    <phoneticPr fontId="19"/>
  </si>
  <si>
    <t>00386-1</t>
    <phoneticPr fontId="19"/>
  </si>
  <si>
    <t>できる 仕事がはかどるPython自動処理全部入り</t>
    <rPh sb="4" eb="6">
      <t>シゴト</t>
    </rPh>
    <rPh sb="17" eb="19">
      <t>ジドウ</t>
    </rPh>
    <rPh sb="19" eb="21">
      <t>ショリ</t>
    </rPh>
    <rPh sb="21" eb="23">
      <t>ゼンブ</t>
    </rPh>
    <rPh sb="23" eb="24">
      <t>イ</t>
    </rPh>
    <phoneticPr fontId="19"/>
  </si>
  <si>
    <t>00625-1</t>
    <phoneticPr fontId="19"/>
  </si>
  <si>
    <t>B2-55</t>
    <phoneticPr fontId="4"/>
  </si>
  <si>
    <t>いちばんやさしいRPAの教本</t>
    <rPh sb="12" eb="14">
      <t>キョウホン</t>
    </rPh>
    <phoneticPr fontId="19"/>
  </si>
  <si>
    <t>00493-6</t>
    <phoneticPr fontId="19"/>
  </si>
  <si>
    <t>秀和システム：ISBN 978-4-7980-XXXX-X</t>
    <phoneticPr fontId="4"/>
  </si>
  <si>
    <t>6099-6</t>
  </si>
  <si>
    <t>技術評論社（FAX 048-451-3847）</t>
  </si>
  <si>
    <t>技術評論社：①（5桁）ISBN 978-4-7741-XXXX-X、②（6桁）978-4-297-XXXXX-X</t>
  </si>
  <si>
    <t>楽しく学ぶ　アルゴリズムとプログラミングの図鑑</t>
    <phoneticPr fontId="4"/>
  </si>
  <si>
    <t>これからWebをはじめる人のHTML＆CSS、JavaScriptの
きほんのきほん</t>
    <phoneticPr fontId="4"/>
  </si>
  <si>
    <t>ちゃんと使える力を身につける　Webとプログラミングのきほんのきほん</t>
    <phoneticPr fontId="4"/>
  </si>
  <si>
    <t>Scratchでたのしく学ぶ
プログラミング的思考</t>
    <phoneticPr fontId="4"/>
  </si>
  <si>
    <r>
      <rPr>
        <b/>
        <sz val="34"/>
        <rFont val="メイリオ"/>
        <family val="3"/>
        <charset val="128"/>
      </rPr>
      <t>マンガで学ぶパワーポイント</t>
    </r>
    <r>
      <rPr>
        <b/>
        <sz val="36"/>
        <rFont val="メイリオ"/>
        <family val="3"/>
        <charset val="128"/>
      </rPr>
      <t>［PowerPoint］</t>
    </r>
    <phoneticPr fontId="4"/>
  </si>
  <si>
    <t>デジタルツールで描く！
服のシワと影の描き方</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5" formatCode="&quot;¥&quot;#,##0;&quot;¥&quot;\-#,##0"/>
    <numFmt numFmtId="6" formatCode="&quot;¥&quot;#,##0;[Red]&quot;¥&quot;\-#,##0"/>
    <numFmt numFmtId="176" formatCode="#,##0;\-#,##0;&quot;-&quot;"/>
    <numFmt numFmtId="177" formatCode="0_);[Red]\(0\)"/>
  </numFmts>
  <fonts count="67">
    <font>
      <sz val="11"/>
      <color theme="1"/>
      <name val="ＭＳ Ｐゴシック"/>
      <family val="2"/>
      <charset val="128"/>
      <scheme val="minor"/>
    </font>
    <font>
      <sz val="11"/>
      <color theme="1"/>
      <name val="ＭＳ Ｐゴシック"/>
      <family val="2"/>
      <charset val="128"/>
      <scheme val="minor"/>
    </font>
    <font>
      <sz val="11"/>
      <name val="ＭＳ ゴシック"/>
      <family val="3"/>
      <charset val="128"/>
    </font>
    <font>
      <sz val="11"/>
      <name val="HG丸ｺﾞｼｯｸM-PRO"/>
      <family val="3"/>
      <charset val="128"/>
    </font>
    <font>
      <sz val="6"/>
      <name val="ＭＳ Ｐゴシック"/>
      <family val="2"/>
      <charset val="128"/>
      <scheme val="minor"/>
    </font>
    <font>
      <b/>
      <sz val="11"/>
      <name val="HG丸ｺﾞｼｯｸM-PRO"/>
      <family val="3"/>
      <charset val="128"/>
    </font>
    <font>
      <b/>
      <sz val="22"/>
      <name val="HG丸ｺﾞｼｯｸM-PRO"/>
      <family val="3"/>
      <charset val="128"/>
    </font>
    <font>
      <b/>
      <sz val="36"/>
      <name val="HG丸ｺﾞｼｯｸM-PRO"/>
      <family val="3"/>
      <charset val="128"/>
    </font>
    <font>
      <sz val="18"/>
      <name val="HG丸ｺﾞｼｯｸM-PRO"/>
      <family val="3"/>
      <charset val="128"/>
    </font>
    <font>
      <b/>
      <sz val="44"/>
      <name val="HGSｺﾞｼｯｸE"/>
      <family val="3"/>
      <charset val="128"/>
    </font>
    <font>
      <b/>
      <sz val="24"/>
      <name val="HG丸ｺﾞｼｯｸM-PRO"/>
      <family val="3"/>
      <charset val="128"/>
    </font>
    <font>
      <sz val="10"/>
      <name val="ＭＳ Ｐゴシック"/>
      <family val="3"/>
      <charset val="128"/>
    </font>
    <font>
      <b/>
      <sz val="22"/>
      <name val="ＭＳ ゴシック"/>
      <family val="3"/>
      <charset val="128"/>
    </font>
    <font>
      <sz val="22"/>
      <name val="ＭＳ Ｐゴシック"/>
      <family val="3"/>
      <charset val="128"/>
    </font>
    <font>
      <b/>
      <sz val="22"/>
      <color indexed="9"/>
      <name val="ＭＳ Ｐゴシック"/>
      <family val="3"/>
      <charset val="128"/>
    </font>
    <font>
      <b/>
      <sz val="20"/>
      <name val="HG丸ｺﾞｼｯｸM-PRO"/>
      <family val="3"/>
      <charset val="128"/>
    </font>
    <font>
      <sz val="16"/>
      <name val="HG丸ｺﾞｼｯｸM-PRO"/>
      <family val="3"/>
      <charset val="128"/>
    </font>
    <font>
      <sz val="16"/>
      <name val="ＭＳ ゴシック"/>
      <family val="3"/>
      <charset val="128"/>
    </font>
    <font>
      <b/>
      <sz val="32"/>
      <color indexed="9"/>
      <name val="メイリオ"/>
      <family val="3"/>
      <charset val="128"/>
    </font>
    <font>
      <sz val="6"/>
      <name val="ＭＳ Ｐゴシック"/>
      <family val="3"/>
      <charset val="128"/>
    </font>
    <font>
      <b/>
      <sz val="48"/>
      <name val="メイリオ"/>
      <family val="3"/>
      <charset val="128"/>
    </font>
    <font>
      <sz val="48"/>
      <name val="メイリオ"/>
      <family val="3"/>
      <charset val="128"/>
    </font>
    <font>
      <b/>
      <sz val="28"/>
      <name val="メイリオ"/>
      <family val="3"/>
      <charset val="128"/>
    </font>
    <font>
      <sz val="36"/>
      <name val="ＭＳ Ｐゴシック"/>
      <family val="3"/>
      <charset val="128"/>
    </font>
    <font>
      <sz val="20"/>
      <name val="メイリオ"/>
      <family val="3"/>
      <charset val="128"/>
    </font>
    <font>
      <sz val="22"/>
      <color indexed="9"/>
      <name val="メイリオ"/>
      <family val="3"/>
      <charset val="128"/>
    </font>
    <font>
      <sz val="11"/>
      <name val="ＭＳ Ｐゴシック"/>
      <family val="3"/>
      <charset val="128"/>
    </font>
    <font>
      <sz val="26"/>
      <name val="メイリオ"/>
      <family val="3"/>
      <charset val="128"/>
    </font>
    <font>
      <sz val="26"/>
      <color indexed="9"/>
      <name val="メイリオ"/>
      <family val="3"/>
      <charset val="128"/>
    </font>
    <font>
      <b/>
      <sz val="28"/>
      <color indexed="9"/>
      <name val="ＭＳ ゴシック"/>
      <family val="3"/>
      <charset val="128"/>
    </font>
    <font>
      <sz val="14"/>
      <name val="HG丸ｺﾞｼｯｸM-PRO"/>
      <family val="3"/>
      <charset val="128"/>
    </font>
    <font>
      <sz val="22"/>
      <name val="HG丸ｺﾞｼｯｸM-PRO"/>
      <family val="3"/>
      <charset val="128"/>
    </font>
    <font>
      <b/>
      <sz val="16"/>
      <name val="HG丸ｺﾞｼｯｸM-PRO"/>
      <family val="3"/>
      <charset val="128"/>
    </font>
    <font>
      <sz val="11"/>
      <color indexed="8"/>
      <name val="ＭＳ Ｐゴシック"/>
      <family val="3"/>
      <charset val="128"/>
    </font>
    <font>
      <sz val="10"/>
      <color indexed="8"/>
      <name val="Arial"/>
      <family val="2"/>
    </font>
    <font>
      <b/>
      <sz val="12"/>
      <name val="Arial"/>
      <family val="2"/>
    </font>
    <font>
      <sz val="10"/>
      <name val="Arial"/>
      <family val="2"/>
    </font>
    <font>
      <sz val="11"/>
      <color theme="1"/>
      <name val="ＭＳ Ｐゴシック"/>
      <family val="2"/>
      <scheme val="minor"/>
    </font>
    <font>
      <sz val="11"/>
      <color theme="1"/>
      <name val="ＭＳ Ｐゴシック"/>
      <family val="3"/>
      <charset val="128"/>
      <scheme val="minor"/>
    </font>
    <font>
      <sz val="14"/>
      <name val="明朝"/>
      <family val="1"/>
      <charset val="128"/>
    </font>
    <font>
      <b/>
      <sz val="44"/>
      <name val="HG丸ｺﾞｼｯｸM-PRO"/>
      <family val="3"/>
      <charset val="128"/>
    </font>
    <font>
      <sz val="36"/>
      <name val="ＭＳ Ｐゴシック"/>
      <family val="3"/>
      <charset val="128"/>
      <scheme val="major"/>
    </font>
    <font>
      <sz val="48"/>
      <name val="HG丸ｺﾞｼｯｸM-PRO"/>
      <family val="3"/>
      <charset val="128"/>
    </font>
    <font>
      <b/>
      <sz val="48"/>
      <name val="HG丸ｺﾞｼｯｸM-PRO"/>
      <family val="3"/>
      <charset val="128"/>
    </font>
    <font>
      <sz val="40"/>
      <name val="メイリオ"/>
      <family val="3"/>
      <charset val="128"/>
    </font>
    <font>
      <b/>
      <sz val="36"/>
      <name val="メイリオ"/>
      <family val="3"/>
      <charset val="128"/>
    </font>
    <font>
      <b/>
      <sz val="32"/>
      <name val="メイリオ"/>
      <family val="3"/>
      <charset val="128"/>
    </font>
    <font>
      <b/>
      <sz val="80"/>
      <name val="ＭＳ Ｐゴシック"/>
      <family val="3"/>
      <charset val="128"/>
      <scheme val="major"/>
    </font>
    <font>
      <sz val="80"/>
      <name val="ＭＳ Ｐゴシック"/>
      <family val="3"/>
      <charset val="128"/>
      <scheme val="major"/>
    </font>
    <font>
      <b/>
      <sz val="38"/>
      <name val="メイリオ"/>
      <family val="3"/>
      <charset val="128"/>
    </font>
    <font>
      <b/>
      <sz val="28"/>
      <color indexed="9"/>
      <name val="メイリオ"/>
      <family val="3"/>
      <charset val="128"/>
    </font>
    <font>
      <sz val="28"/>
      <name val="メイリオ"/>
      <family val="3"/>
      <charset val="128"/>
    </font>
    <font>
      <b/>
      <sz val="26"/>
      <name val="メイリオ"/>
      <family val="3"/>
      <charset val="128"/>
    </font>
    <font>
      <sz val="40"/>
      <name val="ＭＳ Ｐゴシック"/>
      <family val="3"/>
      <charset val="128"/>
      <scheme val="major"/>
    </font>
    <font>
      <sz val="36"/>
      <name val="メイリオ"/>
      <family val="3"/>
      <charset val="128"/>
    </font>
    <font>
      <sz val="36"/>
      <color indexed="9"/>
      <name val="メイリオ"/>
      <family val="3"/>
      <charset val="128"/>
    </font>
    <font>
      <sz val="22"/>
      <name val="メイリオ"/>
      <family val="3"/>
      <charset val="128"/>
    </font>
    <font>
      <b/>
      <sz val="30"/>
      <name val="メイリオ"/>
      <family val="3"/>
      <charset val="128"/>
    </font>
    <font>
      <b/>
      <sz val="24"/>
      <name val="メイリオ"/>
      <family val="3"/>
      <charset val="128"/>
    </font>
    <font>
      <b/>
      <sz val="18"/>
      <color theme="3"/>
      <name val="ＭＳ Ｐゴシック"/>
      <family val="2"/>
      <charset val="128"/>
      <scheme val="major"/>
    </font>
    <font>
      <b/>
      <sz val="33"/>
      <name val="メイリオ"/>
      <family val="3"/>
      <charset val="128"/>
    </font>
    <font>
      <sz val="38"/>
      <name val="ＭＳ Ｐゴシック"/>
      <family val="3"/>
      <charset val="128"/>
      <scheme val="major"/>
    </font>
    <font>
      <b/>
      <sz val="34"/>
      <name val="メイリオ"/>
      <family val="3"/>
      <charset val="128"/>
    </font>
    <font>
      <b/>
      <sz val="48"/>
      <name val="ＭＳ Ｐゴシック"/>
      <family val="3"/>
      <charset val="128"/>
      <scheme val="major"/>
    </font>
    <font>
      <b/>
      <sz val="40"/>
      <name val="メイリオ"/>
      <family val="3"/>
      <charset val="128"/>
    </font>
    <font>
      <b/>
      <sz val="44"/>
      <name val="ＭＳ Ｐゴシック"/>
      <family val="3"/>
      <charset val="128"/>
      <scheme val="major"/>
    </font>
    <font>
      <b/>
      <sz val="25"/>
      <name val="メイリオ"/>
      <family val="3"/>
      <charset val="128"/>
    </font>
  </fonts>
  <fills count="15">
    <fill>
      <patternFill patternType="none"/>
    </fill>
    <fill>
      <patternFill patternType="gray125"/>
    </fill>
    <fill>
      <patternFill patternType="darkGray">
        <bgColor indexed="8"/>
      </patternFill>
    </fill>
    <fill>
      <patternFill patternType="solid">
        <fgColor theme="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65"/>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medium">
        <color indexed="64"/>
      </top>
      <bottom style="medium">
        <color indexed="64"/>
      </bottom>
      <diagonal/>
    </border>
    <border>
      <left/>
      <right/>
      <top style="thin">
        <color indexed="64"/>
      </top>
      <bottom style="thin">
        <color indexed="64"/>
      </bottom>
      <diagonal/>
    </border>
    <border>
      <left/>
      <right/>
      <top/>
      <bottom style="thin">
        <color indexed="64"/>
      </bottom>
      <diagonal/>
    </border>
  </borders>
  <cellStyleXfs count="50">
    <xf numFmtId="0" fontId="0" fillId="0" borderId="0">
      <alignment vertical="center"/>
    </xf>
    <xf numFmtId="0" fontId="2" fillId="0" borderId="0"/>
    <xf numFmtId="0" fontId="11" fillId="0" borderId="0">
      <alignment vertical="center"/>
    </xf>
    <xf numFmtId="0" fontId="2" fillId="0" borderId="0"/>
    <xf numFmtId="0" fontId="2" fillId="0" borderId="0"/>
    <xf numFmtId="6" fontId="11" fillId="0" borderId="0" applyFont="0" applyFill="0" applyBorder="0" applyAlignment="0" applyProtection="0">
      <alignment vertical="center"/>
    </xf>
    <xf numFmtId="0" fontId="2" fillId="0" borderId="0"/>
    <xf numFmtId="0" fontId="33" fillId="4" borderId="0" applyNumberFormat="0" applyBorder="0" applyAlignment="0" applyProtection="0">
      <alignment vertical="center"/>
    </xf>
    <xf numFmtId="0" fontId="33" fillId="5" borderId="0" applyNumberFormat="0" applyBorder="0" applyAlignment="0" applyProtection="0">
      <alignment vertical="center"/>
    </xf>
    <xf numFmtId="0" fontId="33" fillId="6" borderId="0" applyNumberFormat="0" applyBorder="0" applyAlignment="0" applyProtection="0">
      <alignment vertical="center"/>
    </xf>
    <xf numFmtId="0" fontId="33" fillId="7" borderId="0" applyNumberFormat="0" applyBorder="0" applyAlignment="0" applyProtection="0">
      <alignment vertical="center"/>
    </xf>
    <xf numFmtId="0" fontId="33" fillId="8" borderId="0" applyNumberFormat="0" applyBorder="0" applyAlignment="0" applyProtection="0">
      <alignment vertical="center"/>
    </xf>
    <xf numFmtId="0" fontId="33" fillId="9" borderId="0" applyNumberFormat="0" applyBorder="0" applyAlignment="0" applyProtection="0">
      <alignment vertical="center"/>
    </xf>
    <xf numFmtId="0" fontId="33" fillId="10" borderId="0" applyNumberFormat="0" applyBorder="0" applyAlignment="0" applyProtection="0">
      <alignment vertical="center"/>
    </xf>
    <xf numFmtId="0" fontId="33" fillId="11" borderId="0" applyNumberFormat="0" applyBorder="0" applyAlignment="0" applyProtection="0">
      <alignment vertical="center"/>
    </xf>
    <xf numFmtId="0" fontId="33" fillId="12" borderId="0" applyNumberFormat="0" applyBorder="0" applyAlignment="0" applyProtection="0">
      <alignment vertical="center"/>
    </xf>
    <xf numFmtId="0" fontId="33" fillId="7" borderId="0" applyNumberFormat="0" applyBorder="0" applyAlignment="0" applyProtection="0">
      <alignment vertical="center"/>
    </xf>
    <xf numFmtId="0" fontId="33" fillId="10" borderId="0" applyNumberFormat="0" applyBorder="0" applyAlignment="0" applyProtection="0">
      <alignment vertical="center"/>
    </xf>
    <xf numFmtId="0" fontId="33" fillId="13" borderId="0" applyNumberFormat="0" applyBorder="0" applyAlignment="0" applyProtection="0">
      <alignment vertical="center"/>
    </xf>
    <xf numFmtId="176" fontId="34" fillId="0" borderId="0" applyFill="0" applyBorder="0" applyAlignment="0"/>
    <xf numFmtId="0" fontId="35" fillId="0" borderId="3" applyNumberFormat="0" applyAlignment="0" applyProtection="0">
      <alignment horizontal="left" vertical="center"/>
    </xf>
    <xf numFmtId="0" fontId="35" fillId="0" borderId="4">
      <alignment horizontal="left" vertical="center"/>
    </xf>
    <xf numFmtId="0" fontId="36" fillId="0" borderId="0"/>
    <xf numFmtId="9" fontId="37" fillId="0" borderId="0" applyFont="0" applyFill="0" applyBorder="0" applyAlignment="0" applyProtection="0">
      <alignment vertical="center"/>
    </xf>
    <xf numFmtId="38" fontId="33" fillId="0" borderId="0" applyFont="0" applyFill="0" applyBorder="0" applyAlignment="0" applyProtection="0">
      <alignment vertical="center"/>
    </xf>
    <xf numFmtId="38" fontId="33" fillId="0" borderId="0" applyFont="0" applyFill="0" applyBorder="0" applyAlignment="0" applyProtection="0">
      <alignment vertical="center"/>
    </xf>
    <xf numFmtId="177" fontId="11" fillId="0" borderId="0" applyFont="0" applyFill="0" applyBorder="0" applyAlignment="0" applyProtection="0"/>
    <xf numFmtId="177" fontId="11" fillId="0" borderId="0" applyFont="0" applyFill="0" applyBorder="0" applyAlignment="0" applyProtection="0"/>
    <xf numFmtId="38" fontId="38" fillId="0" borderId="0" applyFont="0" applyFill="0" applyBorder="0" applyAlignment="0" applyProtection="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38" fontId="37" fillId="0" borderId="0" applyFont="0" applyFill="0" applyBorder="0" applyAlignment="0" applyProtection="0">
      <alignment vertical="center"/>
    </xf>
    <xf numFmtId="6" fontId="38" fillId="0" borderId="0" applyFont="0" applyFill="0" applyBorder="0" applyAlignment="0" applyProtection="0">
      <alignment vertical="center"/>
    </xf>
    <xf numFmtId="0" fontId="33" fillId="0" borderId="0">
      <alignment vertical="center"/>
    </xf>
    <xf numFmtId="0" fontId="33" fillId="0" borderId="0">
      <alignment vertical="center"/>
    </xf>
    <xf numFmtId="0" fontId="39" fillId="0" borderId="0"/>
    <xf numFmtId="0" fontId="11" fillId="0" borderId="0"/>
    <xf numFmtId="0" fontId="38"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26" fillId="0" borderId="0"/>
    <xf numFmtId="0" fontId="39" fillId="14" borderId="0"/>
    <xf numFmtId="0" fontId="26" fillId="0" borderId="0">
      <alignment vertical="center"/>
    </xf>
    <xf numFmtId="38" fontId="26" fillId="0" borderId="0" applyFont="0" applyFill="0" applyBorder="0" applyAlignment="0" applyProtection="0">
      <alignment vertical="center"/>
    </xf>
    <xf numFmtId="6" fontId="26" fillId="0" borderId="0" applyFont="0" applyFill="0" applyBorder="0" applyAlignment="0" applyProtection="0">
      <alignment vertical="center"/>
    </xf>
    <xf numFmtId="6" fontId="11" fillId="0" borderId="0" applyFont="0" applyFill="0" applyBorder="0" applyAlignment="0" applyProtection="0">
      <alignment vertical="center"/>
    </xf>
    <xf numFmtId="6" fontId="38" fillId="0" borderId="0" applyFont="0" applyFill="0" applyBorder="0" applyAlignment="0" applyProtection="0">
      <alignment vertical="center"/>
    </xf>
    <xf numFmtId="6" fontId="26" fillId="0" borderId="0" applyFont="0" applyFill="0" applyBorder="0" applyAlignment="0" applyProtection="0">
      <alignment vertical="center"/>
    </xf>
  </cellStyleXfs>
  <cellXfs count="165">
    <xf numFmtId="0" fontId="0" fillId="0" borderId="0" xfId="0">
      <alignment vertical="center"/>
    </xf>
    <xf numFmtId="0" fontId="3" fillId="0" borderId="0" xfId="1" applyFont="1" applyAlignment="1" applyProtection="1">
      <alignment vertical="center"/>
      <protection hidden="1"/>
    </xf>
    <xf numFmtId="0" fontId="3" fillId="0" borderId="0" xfId="1" applyFont="1" applyAlignment="1" applyProtection="1">
      <alignment horizontal="center" vertical="center"/>
      <protection hidden="1"/>
    </xf>
    <xf numFmtId="0" fontId="5" fillId="0" borderId="0" xfId="1" applyFont="1" applyAlignment="1" applyProtection="1">
      <alignment vertical="center"/>
      <protection hidden="1"/>
    </xf>
    <xf numFmtId="0" fontId="3" fillId="0" borderId="0" xfId="1" applyFont="1" applyFill="1" applyBorder="1" applyAlignment="1" applyProtection="1">
      <alignment vertical="center"/>
      <protection hidden="1"/>
    </xf>
    <xf numFmtId="0" fontId="5" fillId="0" borderId="0" xfId="1" applyFont="1" applyAlignment="1" applyProtection="1">
      <alignment vertical="center" shrinkToFit="1"/>
      <protection hidden="1"/>
    </xf>
    <xf numFmtId="0" fontId="6" fillId="0" borderId="0" xfId="1" applyFont="1" applyAlignment="1" applyProtection="1">
      <alignment horizontal="center" vertical="center"/>
      <protection hidden="1"/>
    </xf>
    <xf numFmtId="55" fontId="7" fillId="0" borderId="0" xfId="1" applyNumberFormat="1" applyFont="1" applyBorder="1" applyAlignment="1" applyProtection="1">
      <alignment horizontal="center" vertical="center" shrinkToFit="1"/>
      <protection hidden="1"/>
    </xf>
    <xf numFmtId="0" fontId="8" fillId="0" borderId="0" xfId="1" applyFont="1" applyAlignment="1" applyProtection="1">
      <alignment horizontal="center" vertical="center"/>
      <protection hidden="1"/>
    </xf>
    <xf numFmtId="0" fontId="9" fillId="0" borderId="0" xfId="1" applyFont="1" applyAlignment="1" applyProtection="1">
      <alignment vertical="center" shrinkToFit="1"/>
      <protection hidden="1"/>
    </xf>
    <xf numFmtId="0" fontId="10" fillId="0" borderId="0" xfId="1" applyFont="1" applyBorder="1" applyAlignment="1" applyProtection="1">
      <alignment horizontal="center" vertical="center" wrapText="1"/>
      <protection hidden="1"/>
    </xf>
    <xf numFmtId="0" fontId="7" fillId="0" borderId="0" xfId="2" applyFont="1" applyBorder="1" applyAlignment="1" applyProtection="1">
      <alignment horizontal="left" vertical="center" wrapText="1"/>
      <protection hidden="1"/>
    </xf>
    <xf numFmtId="0" fontId="6" fillId="0" borderId="0" xfId="1" applyFont="1" applyAlignment="1" applyProtection="1">
      <alignment vertical="center" shrinkToFit="1"/>
      <protection hidden="1"/>
    </xf>
    <xf numFmtId="0" fontId="12" fillId="0" borderId="0" xfId="1" applyFont="1" applyAlignment="1" applyProtection="1">
      <alignment vertical="center" shrinkToFit="1"/>
      <protection hidden="1"/>
    </xf>
    <xf numFmtId="0" fontId="7" fillId="0" borderId="0" xfId="1" applyFont="1" applyBorder="1" applyAlignment="1" applyProtection="1">
      <alignment horizontal="left" vertical="center" wrapText="1"/>
      <protection hidden="1"/>
    </xf>
    <xf numFmtId="0" fontId="14" fillId="0" borderId="0" xfId="1" applyFont="1" applyFill="1" applyBorder="1" applyAlignment="1" applyProtection="1">
      <alignment vertical="center"/>
      <protection hidden="1"/>
    </xf>
    <xf numFmtId="0" fontId="12" fillId="0" borderId="0" xfId="1" applyFont="1" applyFill="1" applyBorder="1" applyAlignment="1" applyProtection="1">
      <alignment vertical="center"/>
      <protection hidden="1"/>
    </xf>
    <xf numFmtId="0" fontId="2" fillId="0" borderId="0" xfId="1" applyFill="1" applyBorder="1" applyAlignment="1" applyProtection="1">
      <alignment vertical="center"/>
      <protection hidden="1"/>
    </xf>
    <xf numFmtId="0" fontId="3" fillId="0" borderId="0" xfId="1" applyFont="1" applyBorder="1" applyAlignment="1" applyProtection="1">
      <alignment vertical="center"/>
      <protection hidden="1"/>
    </xf>
    <xf numFmtId="0" fontId="2" fillId="0" borderId="0" xfId="1" applyBorder="1" applyAlignment="1" applyProtection="1">
      <alignment vertical="center" shrinkToFit="1"/>
      <protection hidden="1"/>
    </xf>
    <xf numFmtId="0" fontId="16" fillId="0" borderId="0" xfId="1" applyFont="1" applyBorder="1" applyAlignment="1" applyProtection="1">
      <alignment vertical="center" wrapText="1"/>
      <protection hidden="1"/>
    </xf>
    <xf numFmtId="0" fontId="12" fillId="0" borderId="0" xfId="1" applyFont="1" applyBorder="1" applyAlignment="1" applyProtection="1">
      <alignment vertical="center" wrapText="1"/>
      <protection hidden="1"/>
    </xf>
    <xf numFmtId="0" fontId="17" fillId="0" borderId="0" xfId="1" applyFont="1" applyBorder="1" applyAlignment="1" applyProtection="1">
      <alignment vertical="center" wrapText="1"/>
      <protection hidden="1"/>
    </xf>
    <xf numFmtId="0" fontId="18" fillId="2" borderId="1" xfId="3" applyFont="1" applyFill="1" applyBorder="1" applyAlignment="1" applyProtection="1">
      <alignment horizontal="center" vertical="center" shrinkToFit="1"/>
    </xf>
    <xf numFmtId="0" fontId="18" fillId="2" borderId="1" xfId="4" applyFont="1" applyFill="1" applyBorder="1" applyAlignment="1" applyProtection="1">
      <alignment horizontal="center" vertical="center" shrinkToFit="1"/>
    </xf>
    <xf numFmtId="0" fontId="14" fillId="0" borderId="0" xfId="4" applyFont="1" applyFill="1" applyBorder="1" applyAlignment="1" applyProtection="1">
      <alignment horizontal="center" vertical="center" shrinkToFit="1"/>
    </xf>
    <xf numFmtId="0" fontId="18" fillId="2" borderId="2" xfId="3" applyFont="1" applyFill="1" applyBorder="1" applyAlignment="1" applyProtection="1">
      <alignment horizontal="center" vertical="center" shrinkToFit="1"/>
    </xf>
    <xf numFmtId="0" fontId="13" fillId="0" borderId="0" xfId="1" applyFont="1" applyBorder="1" applyAlignment="1" applyProtection="1">
      <alignment vertical="center"/>
      <protection hidden="1"/>
    </xf>
    <xf numFmtId="0" fontId="13" fillId="0" borderId="0" xfId="1" applyFont="1" applyAlignment="1" applyProtection="1">
      <alignment vertical="center"/>
      <protection hidden="1"/>
    </xf>
    <xf numFmtId="0" fontId="26" fillId="0" borderId="0" xfId="2" applyFont="1" applyBorder="1" applyAlignment="1" applyProtection="1">
      <alignment vertical="center"/>
      <protection hidden="1"/>
    </xf>
    <xf numFmtId="0" fontId="13" fillId="0" borderId="0" xfId="1" applyFont="1" applyProtection="1">
      <protection hidden="1"/>
    </xf>
    <xf numFmtId="0" fontId="29" fillId="0" borderId="0" xfId="1" applyFont="1" applyFill="1" applyBorder="1" applyAlignment="1" applyProtection="1">
      <alignment vertical="center"/>
      <protection hidden="1"/>
    </xf>
    <xf numFmtId="0" fontId="2" fillId="0" borderId="0" xfId="1" applyBorder="1" applyAlignment="1" applyProtection="1">
      <alignment vertical="center"/>
      <protection hidden="1"/>
    </xf>
    <xf numFmtId="0" fontId="6" fillId="0" borderId="0" xfId="1" applyFont="1" applyAlignment="1" applyProtection="1">
      <alignment vertical="center"/>
      <protection hidden="1"/>
    </xf>
    <xf numFmtId="0" fontId="2" fillId="0" borderId="0" xfId="1" applyAlignment="1" applyProtection="1">
      <alignment vertical="center"/>
      <protection hidden="1"/>
    </xf>
    <xf numFmtId="0" fontId="30" fillId="0" borderId="0" xfId="1" applyFont="1" applyAlignment="1" applyProtection="1">
      <alignment vertical="center"/>
      <protection hidden="1"/>
    </xf>
    <xf numFmtId="0" fontId="31" fillId="0" borderId="0" xfId="6" applyFont="1" applyAlignment="1" applyProtection="1">
      <alignment horizontal="right" vertical="center"/>
      <protection hidden="1"/>
    </xf>
    <xf numFmtId="0" fontId="15" fillId="0" borderId="0" xfId="6" applyFont="1" applyAlignment="1" applyProtection="1">
      <alignment horizontal="center" vertical="center"/>
      <protection hidden="1"/>
    </xf>
    <xf numFmtId="0" fontId="30" fillId="0" borderId="0" xfId="1" applyFont="1" applyBorder="1" applyAlignment="1" applyProtection="1">
      <alignment vertical="center"/>
      <protection hidden="1"/>
    </xf>
    <xf numFmtId="0" fontId="30" fillId="0" borderId="0" xfId="1" applyFont="1" applyFill="1" applyBorder="1" applyAlignment="1" applyProtection="1">
      <alignment vertical="center"/>
      <protection hidden="1"/>
    </xf>
    <xf numFmtId="0" fontId="3" fillId="0" borderId="0" xfId="1" applyFont="1" applyProtection="1">
      <protection hidden="1"/>
    </xf>
    <xf numFmtId="0" fontId="3" fillId="0" borderId="0" xfId="1" applyFont="1" applyFill="1" applyBorder="1" applyProtection="1">
      <protection hidden="1"/>
    </xf>
    <xf numFmtId="0" fontId="3" fillId="0" borderId="0" xfId="1" applyFont="1" applyAlignment="1" applyProtection="1">
      <alignment horizontal="center"/>
      <protection hidden="1"/>
    </xf>
    <xf numFmtId="0" fontId="32" fillId="0" borderId="0" xfId="1" applyFont="1" applyAlignment="1" applyProtection="1">
      <alignment shrinkToFit="1"/>
      <protection hidden="1"/>
    </xf>
    <xf numFmtId="0" fontId="5" fillId="0" borderId="0" xfId="1" applyFont="1" applyProtection="1">
      <protection hidden="1"/>
    </xf>
    <xf numFmtId="0" fontId="6" fillId="0" borderId="0" xfId="1" applyFont="1" applyAlignment="1" applyProtection="1">
      <alignment horizontal="center"/>
      <protection hidden="1"/>
    </xf>
    <xf numFmtId="0" fontId="41" fillId="0" borderId="0" xfId="1" applyFont="1" applyAlignment="1" applyProtection="1">
      <alignment vertical="center"/>
      <protection hidden="1"/>
    </xf>
    <xf numFmtId="0" fontId="42" fillId="0" borderId="0" xfId="1" applyFont="1" applyBorder="1" applyAlignment="1" applyProtection="1">
      <alignment vertical="center"/>
      <protection hidden="1"/>
    </xf>
    <xf numFmtId="0" fontId="21" fillId="3" borderId="1" xfId="2" applyFont="1" applyFill="1" applyBorder="1" applyAlignment="1" applyProtection="1">
      <alignment horizontal="center" vertical="center" shrinkToFit="1"/>
    </xf>
    <xf numFmtId="0" fontId="27" fillId="3" borderId="1" xfId="2" applyFont="1" applyFill="1" applyBorder="1" applyAlignment="1" applyProtection="1">
      <alignment vertical="center"/>
    </xf>
    <xf numFmtId="0" fontId="45" fillId="3" borderId="1" xfId="2" applyFont="1" applyFill="1" applyBorder="1" applyAlignment="1" applyProtection="1">
      <alignment horizontal="left" vertical="center" wrapText="1" shrinkToFit="1"/>
    </xf>
    <xf numFmtId="0" fontId="49" fillId="3" borderId="1" xfId="2" applyFont="1" applyFill="1" applyBorder="1" applyAlignment="1" applyProtection="1">
      <alignment horizontal="left" vertical="center" wrapText="1" shrinkToFit="1"/>
    </xf>
    <xf numFmtId="0" fontId="44" fillId="3" borderId="1" xfId="2" applyFont="1" applyFill="1" applyBorder="1" applyAlignment="1" applyProtection="1">
      <alignment horizontal="center" vertical="center" shrinkToFit="1"/>
    </xf>
    <xf numFmtId="49" fontId="44" fillId="3" borderId="1" xfId="4" applyNumberFormat="1" applyFont="1" applyFill="1" applyBorder="1" applyAlignment="1" applyProtection="1">
      <alignment horizontal="center" vertical="center" shrinkToFit="1"/>
    </xf>
    <xf numFmtId="0" fontId="46" fillId="3" borderId="1" xfId="2" applyFont="1" applyFill="1" applyBorder="1" applyAlignment="1" applyProtection="1">
      <alignment horizontal="left" vertical="center" wrapText="1" shrinkToFit="1"/>
    </xf>
    <xf numFmtId="0" fontId="44" fillId="3" borderId="1" xfId="4" applyNumberFormat="1" applyFont="1" applyFill="1" applyBorder="1" applyAlignment="1" applyProtection="1">
      <alignment horizontal="center" vertical="center" shrinkToFit="1"/>
    </xf>
    <xf numFmtId="0" fontId="44" fillId="3" borderId="1" xfId="5" applyNumberFormat="1" applyFont="1" applyFill="1" applyBorder="1" applyAlignment="1" applyProtection="1">
      <alignment vertical="center" shrinkToFit="1"/>
    </xf>
    <xf numFmtId="0" fontId="23" fillId="3" borderId="0" xfId="2" applyFont="1" applyFill="1" applyBorder="1" applyAlignment="1" applyProtection="1">
      <alignment vertical="center"/>
    </xf>
    <xf numFmtId="0" fontId="20" fillId="3" borderId="1" xfId="2" applyFont="1" applyFill="1" applyBorder="1" applyAlignment="1" applyProtection="1">
      <alignment horizontal="center" vertical="center"/>
    </xf>
    <xf numFmtId="0" fontId="22" fillId="3" borderId="1" xfId="2" applyFont="1" applyFill="1" applyBorder="1" applyAlignment="1" applyProtection="1">
      <alignment horizontal="left" vertical="center" wrapText="1"/>
    </xf>
    <xf numFmtId="0" fontId="45" fillId="3" borderId="1" xfId="2" applyFont="1" applyFill="1" applyBorder="1" applyAlignment="1" applyProtection="1">
      <alignment horizontal="left" vertical="center" wrapText="1"/>
    </xf>
    <xf numFmtId="0" fontId="28" fillId="3" borderId="1" xfId="5" applyNumberFormat="1" applyFont="1" applyFill="1" applyBorder="1" applyAlignment="1" applyProtection="1">
      <alignment horizontal="center" vertical="center"/>
    </xf>
    <xf numFmtId="0" fontId="24" fillId="3" borderId="1" xfId="2" applyFont="1" applyFill="1" applyBorder="1" applyAlignment="1" applyProtection="1">
      <alignment horizontal="center" vertical="center" shrinkToFit="1"/>
    </xf>
    <xf numFmtId="0" fontId="22" fillId="3" borderId="1" xfId="2" applyFont="1" applyFill="1" applyBorder="1" applyAlignment="1" applyProtection="1">
      <alignment horizontal="left" vertical="center" wrapText="1" shrinkToFit="1"/>
    </xf>
    <xf numFmtId="0" fontId="25" fillId="3" borderId="1" xfId="5" applyNumberFormat="1" applyFont="1" applyFill="1" applyBorder="1" applyAlignment="1" applyProtection="1">
      <alignment horizontal="center" vertical="center"/>
    </xf>
    <xf numFmtId="0" fontId="24" fillId="3" borderId="1" xfId="2" applyFont="1" applyFill="1" applyBorder="1" applyAlignment="1" applyProtection="1">
      <alignment horizontal="center" vertical="center"/>
    </xf>
    <xf numFmtId="0" fontId="50" fillId="2" borderId="1" xfId="3" applyFont="1" applyFill="1" applyBorder="1" applyAlignment="1">
      <alignment horizontal="center" vertical="center" wrapText="1" shrinkToFit="1"/>
    </xf>
    <xf numFmtId="0" fontId="44" fillId="3" borderId="1" xfId="2" applyFont="1" applyFill="1" applyBorder="1" applyAlignment="1">
      <alignment horizontal="center" vertical="center" shrinkToFit="1"/>
    </xf>
    <xf numFmtId="0" fontId="51" fillId="3" borderId="1" xfId="2" applyFont="1" applyFill="1" applyBorder="1" applyAlignment="1">
      <alignment horizontal="center" vertical="center" textRotation="255" shrinkToFit="1"/>
    </xf>
    <xf numFmtId="0" fontId="29" fillId="0" borderId="0" xfId="1" applyFont="1" applyAlignment="1" applyProtection="1">
      <alignment vertical="center"/>
      <protection hidden="1"/>
    </xf>
    <xf numFmtId="0" fontId="42" fillId="0" borderId="0" xfId="1" applyFont="1" applyAlignment="1" applyProtection="1">
      <alignment vertical="center"/>
      <protection hidden="1"/>
    </xf>
    <xf numFmtId="0" fontId="24" fillId="3" borderId="1" xfId="2" applyFont="1" applyFill="1" applyBorder="1" applyAlignment="1">
      <alignment horizontal="center" vertical="center" shrinkToFit="1"/>
    </xf>
    <xf numFmtId="0" fontId="52" fillId="3" borderId="1" xfId="2" applyFont="1" applyFill="1" applyBorder="1" applyAlignment="1" applyProtection="1">
      <alignment horizontal="left" vertical="center" wrapText="1" shrinkToFit="1"/>
    </xf>
    <xf numFmtId="0" fontId="28" fillId="3" borderId="1" xfId="5" applyNumberFormat="1" applyFont="1" applyFill="1" applyBorder="1" applyAlignment="1" applyProtection="1">
      <alignment horizontal="left" vertical="center" wrapText="1"/>
    </xf>
    <xf numFmtId="0" fontId="28" fillId="3" borderId="1" xfId="5" applyNumberFormat="1" applyFont="1" applyFill="1" applyBorder="1" applyAlignment="1" applyProtection="1">
      <alignment horizontal="center" vertical="center" wrapText="1"/>
    </xf>
    <xf numFmtId="0" fontId="40" fillId="0" borderId="0" xfId="1" applyFont="1" applyAlignment="1" applyProtection="1">
      <alignment horizontal="center" vertical="center"/>
      <protection hidden="1"/>
    </xf>
    <xf numFmtId="0" fontId="47" fillId="0" borderId="0" xfId="1" applyFont="1" applyAlignment="1" applyProtection="1">
      <alignment horizontal="center" vertical="center"/>
      <protection hidden="1"/>
    </xf>
    <xf numFmtId="0" fontId="47" fillId="0" borderId="0" xfId="1" applyFont="1" applyAlignment="1" applyProtection="1">
      <alignment horizontal="center" vertical="center"/>
      <protection hidden="1"/>
    </xf>
    <xf numFmtId="0" fontId="20" fillId="0" borderId="1" xfId="2" applyFont="1" applyBorder="1" applyAlignment="1" applyProtection="1">
      <alignment horizontal="center" vertical="center"/>
    </xf>
    <xf numFmtId="0" fontId="21" fillId="0" borderId="1" xfId="2" applyFont="1" applyBorder="1" applyAlignment="1" applyProtection="1">
      <alignment horizontal="center" vertical="center" shrinkToFit="1"/>
    </xf>
    <xf numFmtId="0" fontId="54" fillId="0" borderId="1" xfId="2" applyFont="1" applyBorder="1" applyAlignment="1" applyProtection="1">
      <alignment horizontal="center" vertical="center" shrinkToFit="1"/>
    </xf>
    <xf numFmtId="0" fontId="22" fillId="0" borderId="1" xfId="2" applyFont="1" applyFill="1" applyBorder="1" applyAlignment="1" applyProtection="1">
      <alignment horizontal="left" vertical="center" wrapText="1" shrinkToFit="1"/>
    </xf>
    <xf numFmtId="0" fontId="44" fillId="0" borderId="1" xfId="5" applyNumberFormat="1" applyFont="1" applyFill="1" applyBorder="1" applyAlignment="1" applyProtection="1">
      <alignment horizontal="center" vertical="center" shrinkToFit="1"/>
    </xf>
    <xf numFmtId="0" fontId="44" fillId="0" borderId="1" xfId="4" applyNumberFormat="1" applyFont="1" applyBorder="1" applyAlignment="1" applyProtection="1">
      <alignment horizontal="right" vertical="center" shrinkToFit="1"/>
    </xf>
    <xf numFmtId="0" fontId="55" fillId="0" borderId="1" xfId="5" applyNumberFormat="1" applyFont="1" applyFill="1" applyBorder="1" applyAlignment="1" applyProtection="1">
      <alignment horizontal="center" vertical="center"/>
    </xf>
    <xf numFmtId="0" fontId="54" fillId="3" borderId="1" xfId="2" applyFont="1" applyFill="1" applyBorder="1" applyAlignment="1" applyProtection="1">
      <alignment vertical="center"/>
    </xf>
    <xf numFmtId="0" fontId="23" fillId="0" borderId="0" xfId="2" applyFont="1" applyFill="1" applyBorder="1" applyAlignment="1" applyProtection="1">
      <alignment vertical="center"/>
    </xf>
    <xf numFmtId="0" fontId="21" fillId="0" borderId="1" xfId="2" applyFont="1" applyFill="1" applyBorder="1" applyAlignment="1" applyProtection="1">
      <alignment horizontal="center" vertical="center" shrinkToFit="1"/>
    </xf>
    <xf numFmtId="0" fontId="45" fillId="0" borderId="1" xfId="2" applyFont="1" applyBorder="1" applyAlignment="1" applyProtection="1">
      <alignment horizontal="left" vertical="center" wrapText="1" shrinkToFit="1"/>
    </xf>
    <xf numFmtId="0" fontId="44" fillId="0" borderId="1" xfId="4" applyNumberFormat="1" applyFont="1" applyBorder="1" applyAlignment="1" applyProtection="1">
      <alignment vertical="center" shrinkToFit="1"/>
    </xf>
    <xf numFmtId="0" fontId="44" fillId="0" borderId="1" xfId="5" applyNumberFormat="1" applyFont="1" applyBorder="1" applyAlignment="1" applyProtection="1">
      <alignment horizontal="right" vertical="center" shrinkToFit="1"/>
    </xf>
    <xf numFmtId="0" fontId="25" fillId="0" borderId="1" xfId="5" applyNumberFormat="1" applyFont="1" applyFill="1" applyBorder="1" applyAlignment="1" applyProtection="1">
      <alignment horizontal="center" vertical="center"/>
    </xf>
    <xf numFmtId="0" fontId="24" fillId="0" borderId="1" xfId="2" applyFont="1" applyBorder="1" applyAlignment="1" applyProtection="1">
      <alignment horizontal="center" vertical="center"/>
    </xf>
    <xf numFmtId="0" fontId="54" fillId="0" borderId="1" xfId="2" applyFont="1" applyBorder="1" applyAlignment="1" applyProtection="1">
      <alignment horizontal="center" vertical="center" textRotation="255"/>
    </xf>
    <xf numFmtId="0" fontId="44" fillId="0" borderId="1" xfId="4" applyNumberFormat="1" applyFont="1" applyBorder="1" applyAlignment="1" applyProtection="1">
      <alignment horizontal="center" vertical="center" shrinkToFit="1"/>
    </xf>
    <xf numFmtId="0" fontId="52" fillId="0" borderId="1" xfId="2" applyFont="1" applyBorder="1" applyAlignment="1" applyProtection="1">
      <alignment horizontal="left" vertical="center" wrapText="1" shrinkToFit="1"/>
    </xf>
    <xf numFmtId="0" fontId="44" fillId="0" borderId="1" xfId="4" applyNumberFormat="1" applyFont="1" applyFill="1" applyBorder="1" applyAlignment="1" applyProtection="1">
      <alignment horizontal="center" vertical="center" shrinkToFit="1"/>
    </xf>
    <xf numFmtId="0" fontId="44" fillId="0" borderId="1" xfId="5" applyNumberFormat="1" applyFont="1" applyBorder="1" applyAlignment="1" applyProtection="1">
      <alignment horizontal="center" vertical="center" shrinkToFit="1"/>
    </xf>
    <xf numFmtId="0" fontId="20" fillId="0" borderId="1" xfId="2" applyFont="1" applyFill="1" applyBorder="1" applyAlignment="1" applyProtection="1">
      <alignment horizontal="center" vertical="center"/>
    </xf>
    <xf numFmtId="0" fontId="22" fillId="0" borderId="1" xfId="2" applyFont="1" applyBorder="1" applyAlignment="1" applyProtection="1">
      <alignment horizontal="left" vertical="center" wrapText="1" shrinkToFit="1"/>
    </xf>
    <xf numFmtId="0" fontId="45" fillId="0" borderId="1" xfId="2" applyFont="1" applyFill="1" applyBorder="1" applyAlignment="1" applyProtection="1">
      <alignment horizontal="left" vertical="center" wrapText="1"/>
    </xf>
    <xf numFmtId="0" fontId="44" fillId="0" borderId="1" xfId="4" applyNumberFormat="1" applyFont="1" applyFill="1" applyBorder="1" applyAlignment="1" applyProtection="1">
      <alignment vertical="center" shrinkToFit="1"/>
    </xf>
    <xf numFmtId="0" fontId="56" fillId="0" borderId="1" xfId="4" applyNumberFormat="1" applyFont="1" applyBorder="1" applyAlignment="1" applyProtection="1">
      <alignment horizontal="center" vertical="center"/>
    </xf>
    <xf numFmtId="0" fontId="28" fillId="0" borderId="1" xfId="5" applyNumberFormat="1" applyFont="1" applyFill="1" applyBorder="1" applyAlignment="1" applyProtection="1">
      <alignment horizontal="center" vertical="center"/>
    </xf>
    <xf numFmtId="0" fontId="44" fillId="0" borderId="1" xfId="2" applyFont="1" applyBorder="1" applyAlignment="1" applyProtection="1">
      <alignment horizontal="center" vertical="center" shrinkToFit="1"/>
    </xf>
    <xf numFmtId="0" fontId="57" fillId="0" borderId="1" xfId="2" applyFont="1" applyBorder="1" applyAlignment="1" applyProtection="1">
      <alignment horizontal="left" vertical="center" wrapText="1" shrinkToFit="1"/>
    </xf>
    <xf numFmtId="0" fontId="54" fillId="0" borderId="1" xfId="2" applyFont="1" applyFill="1" applyBorder="1" applyAlignment="1" applyProtection="1">
      <alignment horizontal="center" vertical="center" shrinkToFit="1"/>
    </xf>
    <xf numFmtId="0" fontId="44" fillId="0" borderId="1" xfId="5" applyNumberFormat="1" applyFont="1" applyFill="1" applyBorder="1" applyAlignment="1" applyProtection="1">
      <alignment horizontal="right" vertical="center" shrinkToFit="1"/>
    </xf>
    <xf numFmtId="0" fontId="22" fillId="0" borderId="1" xfId="2" applyFont="1" applyBorder="1" applyAlignment="1" applyProtection="1">
      <alignment horizontal="left" vertical="center" wrapText="1"/>
    </xf>
    <xf numFmtId="0" fontId="27" fillId="0" borderId="1" xfId="2" applyFont="1" applyBorder="1" applyAlignment="1" applyProtection="1">
      <alignment vertical="center"/>
    </xf>
    <xf numFmtId="0" fontId="58" fillId="0" borderId="1" xfId="2" applyFont="1" applyFill="1" applyBorder="1" applyAlignment="1" applyProtection="1">
      <alignment horizontal="left" vertical="center" wrapText="1" shrinkToFit="1"/>
    </xf>
    <xf numFmtId="0" fontId="54" fillId="0" borderId="1" xfId="2" applyFont="1" applyFill="1" applyBorder="1" applyAlignment="1" applyProtection="1">
      <alignment horizontal="center" vertical="center" textRotation="255"/>
    </xf>
    <xf numFmtId="0" fontId="22" fillId="0" borderId="1" xfId="2" applyFont="1" applyFill="1" applyBorder="1" applyAlignment="1" applyProtection="1">
      <alignment horizontal="left" vertical="center" wrapText="1"/>
    </xf>
    <xf numFmtId="0" fontId="57" fillId="0" borderId="1" xfId="2" applyFont="1" applyFill="1" applyBorder="1" applyAlignment="1" applyProtection="1">
      <alignment horizontal="left" vertical="center" wrapText="1" shrinkToFit="1"/>
    </xf>
    <xf numFmtId="0" fontId="54" fillId="0" borderId="1" xfId="2" applyFont="1" applyFill="1" applyBorder="1" applyAlignment="1" applyProtection="1">
      <alignment horizontal="center" vertical="center" textRotation="255" shrinkToFit="1"/>
    </xf>
    <xf numFmtId="0" fontId="45" fillId="0" borderId="1" xfId="2" applyFont="1" applyFill="1" applyBorder="1" applyAlignment="1" applyProtection="1">
      <alignment horizontal="left" vertical="center" wrapText="1" shrinkToFit="1"/>
    </xf>
    <xf numFmtId="0" fontId="24" fillId="0" borderId="1" xfId="2" applyFont="1" applyBorder="1" applyAlignment="1" applyProtection="1">
      <alignment horizontal="center" vertical="center" shrinkToFit="1"/>
    </xf>
    <xf numFmtId="0" fontId="44" fillId="0" borderId="1" xfId="5" applyNumberFormat="1" applyFont="1" applyBorder="1" applyAlignment="1" applyProtection="1">
      <alignment vertical="center" shrinkToFit="1"/>
    </xf>
    <xf numFmtId="0" fontId="54" fillId="0" borderId="1" xfId="2" applyFont="1" applyBorder="1" applyAlignment="1" applyProtection="1">
      <alignment horizontal="center" vertical="center" textRotation="255" shrinkToFit="1"/>
    </xf>
    <xf numFmtId="0" fontId="45" fillId="0" borderId="1" xfId="2" applyFont="1" applyBorder="1" applyAlignment="1" applyProtection="1">
      <alignment horizontal="left" vertical="center" wrapText="1"/>
    </xf>
    <xf numFmtId="49" fontId="44" fillId="0" borderId="1" xfId="4" applyNumberFormat="1" applyFont="1" applyBorder="1" applyAlignment="1" applyProtection="1">
      <alignment horizontal="center" vertical="center" shrinkToFit="1"/>
    </xf>
    <xf numFmtId="49" fontId="44" fillId="0" borderId="1" xfId="4" applyNumberFormat="1" applyFont="1" applyBorder="1" applyAlignment="1" applyProtection="1">
      <alignment vertical="center" shrinkToFit="1"/>
    </xf>
    <xf numFmtId="0" fontId="46" fillId="0" borderId="1" xfId="2" applyFont="1" applyBorder="1" applyAlignment="1" applyProtection="1">
      <alignment horizontal="left" vertical="center" wrapText="1" shrinkToFit="1"/>
    </xf>
    <xf numFmtId="49" fontId="44" fillId="0" borderId="1" xfId="4" applyNumberFormat="1" applyFont="1" applyFill="1" applyBorder="1" applyAlignment="1" applyProtection="1">
      <alignment horizontal="center" vertical="center" shrinkToFit="1"/>
    </xf>
    <xf numFmtId="0" fontId="60" fillId="0" borderId="1" xfId="2" applyFont="1" applyBorder="1" applyAlignment="1" applyProtection="1">
      <alignment horizontal="left" vertical="center" wrapText="1" shrinkToFit="1"/>
    </xf>
    <xf numFmtId="0" fontId="44" fillId="0" borderId="1" xfId="5" applyNumberFormat="1" applyFont="1" applyFill="1" applyBorder="1" applyAlignment="1" applyProtection="1">
      <alignment vertical="center" shrinkToFit="1"/>
    </xf>
    <xf numFmtId="0" fontId="62" fillId="0" borderId="1" xfId="2" applyFont="1" applyBorder="1" applyAlignment="1" applyProtection="1">
      <alignment horizontal="left" vertical="center" wrapText="1" shrinkToFit="1"/>
    </xf>
    <xf numFmtId="0" fontId="21" fillId="0" borderId="1" xfId="2" applyFont="1" applyBorder="1" applyAlignment="1" applyProtection="1">
      <alignment horizontal="center" vertical="center"/>
    </xf>
    <xf numFmtId="0" fontId="54" fillId="0" borderId="1" xfId="2" applyFont="1" applyBorder="1" applyAlignment="1" applyProtection="1">
      <alignment horizontal="center" vertical="center"/>
    </xf>
    <xf numFmtId="0" fontId="64" fillId="0" borderId="1" xfId="2" applyFont="1" applyBorder="1" applyAlignment="1" applyProtection="1">
      <alignment horizontal="left" vertical="center" wrapText="1" shrinkToFit="1"/>
    </xf>
    <xf numFmtId="49" fontId="54" fillId="0" borderId="1" xfId="4" applyNumberFormat="1" applyFont="1" applyBorder="1" applyAlignment="1" applyProtection="1">
      <alignment horizontal="center" vertical="center" shrinkToFit="1"/>
    </xf>
    <xf numFmtId="0" fontId="64" fillId="0" borderId="1" xfId="2" applyFont="1" applyFill="1" applyBorder="1" applyAlignment="1" applyProtection="1">
      <alignment horizontal="left" vertical="center" wrapText="1"/>
    </xf>
    <xf numFmtId="49" fontId="54" fillId="0" borderId="1" xfId="4" applyNumberFormat="1" applyFont="1" applyFill="1" applyBorder="1" applyAlignment="1" applyProtection="1">
      <alignment horizontal="center" vertical="center" shrinkToFit="1"/>
    </xf>
    <xf numFmtId="0" fontId="21" fillId="0" borderId="1" xfId="2" applyFont="1" applyFill="1" applyBorder="1" applyAlignment="1" applyProtection="1">
      <alignment horizontal="center" vertical="center"/>
    </xf>
    <xf numFmtId="0" fontId="54" fillId="0" borderId="1" xfId="2" applyFont="1" applyFill="1" applyBorder="1" applyAlignment="1" applyProtection="1">
      <alignment horizontal="center" vertical="center"/>
    </xf>
    <xf numFmtId="0" fontId="52" fillId="0" borderId="1" xfId="2" applyFont="1" applyFill="1" applyBorder="1" applyAlignment="1" applyProtection="1">
      <alignment horizontal="left" vertical="center" wrapText="1" shrinkToFit="1"/>
    </xf>
    <xf numFmtId="49" fontId="54" fillId="0" borderId="1" xfId="4" applyNumberFormat="1" applyFont="1" applyBorder="1" applyAlignment="1" applyProtection="1">
      <alignment horizontal="center" vertical="center"/>
    </xf>
    <xf numFmtId="0" fontId="54" fillId="0" borderId="1" xfId="5" applyNumberFormat="1" applyFont="1" applyBorder="1" applyAlignment="1" applyProtection="1">
      <alignment vertical="center"/>
    </xf>
    <xf numFmtId="0" fontId="46" fillId="0" borderId="1" xfId="2" applyFont="1" applyBorder="1" applyAlignment="1" applyProtection="1">
      <alignment horizontal="left" vertical="center" wrapText="1"/>
    </xf>
    <xf numFmtId="49" fontId="56" fillId="0" borderId="1" xfId="4" applyNumberFormat="1" applyFont="1" applyBorder="1" applyAlignment="1" applyProtection="1">
      <alignment horizontal="center" vertical="center"/>
    </xf>
    <xf numFmtId="0" fontId="56" fillId="0" borderId="1" xfId="5" applyNumberFormat="1" applyFont="1" applyBorder="1" applyAlignment="1" applyProtection="1">
      <alignment vertical="center"/>
    </xf>
    <xf numFmtId="0" fontId="65" fillId="0" borderId="0" xfId="1" applyFont="1" applyAlignment="1" applyProtection="1">
      <alignment horizontal="right" vertical="center" wrapText="1"/>
      <protection hidden="1"/>
    </xf>
    <xf numFmtId="0" fontId="54" fillId="0" borderId="1" xfId="5" applyNumberFormat="1" applyFont="1" applyFill="1" applyBorder="1" applyAlignment="1" applyProtection="1">
      <alignment vertical="center"/>
    </xf>
    <xf numFmtId="5" fontId="54" fillId="0" borderId="1" xfId="4" applyNumberFormat="1" applyFont="1" applyBorder="1" applyAlignment="1" applyProtection="1">
      <alignment horizontal="center" vertical="center" shrinkToFit="1"/>
    </xf>
    <xf numFmtId="0" fontId="22" fillId="0" borderId="1" xfId="2" applyFont="1" applyFill="1" applyBorder="1" applyAlignment="1" applyProtection="1">
      <alignment horizontal="left" wrapText="1" shrinkToFit="1"/>
    </xf>
    <xf numFmtId="3" fontId="54" fillId="0" borderId="1" xfId="5" applyNumberFormat="1" applyFont="1" applyBorder="1" applyAlignment="1" applyProtection="1">
      <alignment vertical="center" shrinkToFit="1"/>
    </xf>
    <xf numFmtId="3" fontId="54" fillId="0" borderId="1" xfId="5" applyNumberFormat="1" applyFont="1" applyFill="1" applyBorder="1" applyAlignment="1" applyProtection="1">
      <alignment vertical="center" shrinkToFit="1"/>
    </xf>
    <xf numFmtId="0" fontId="66" fillId="0" borderId="1" xfId="2" applyFont="1" applyBorder="1" applyAlignment="1" applyProtection="1">
      <alignment horizontal="left" vertical="center" wrapText="1" shrinkToFit="1"/>
    </xf>
    <xf numFmtId="0" fontId="52" fillId="0" borderId="1" xfId="2" applyFont="1" applyFill="1" applyBorder="1" applyAlignment="1" applyProtection="1">
      <alignment horizontal="left" vertical="center" wrapText="1"/>
    </xf>
    <xf numFmtId="0" fontId="54" fillId="0" borderId="1" xfId="2" applyFont="1" applyBorder="1" applyAlignment="1" applyProtection="1">
      <alignment horizontal="center" vertical="center" textRotation="255"/>
    </xf>
    <xf numFmtId="0" fontId="54" fillId="0" borderId="1" xfId="2" applyFont="1" applyBorder="1" applyAlignment="1" applyProtection="1">
      <alignment horizontal="center" vertical="center" textRotation="255"/>
    </xf>
    <xf numFmtId="0" fontId="43" fillId="0" borderId="4" xfId="1" applyFont="1" applyBorder="1" applyAlignment="1" applyProtection="1">
      <alignment horizontal="left" vertical="center" shrinkToFit="1"/>
      <protection hidden="1"/>
    </xf>
    <xf numFmtId="0" fontId="40" fillId="3" borderId="0" xfId="1" applyFont="1" applyFill="1" applyAlignment="1" applyProtection="1">
      <alignment horizontal="center" vertical="center"/>
      <protection hidden="1"/>
    </xf>
    <xf numFmtId="0" fontId="47" fillId="0" borderId="0" xfId="1" applyFont="1" applyAlignment="1" applyProtection="1">
      <alignment horizontal="center" vertical="center" wrapText="1"/>
      <protection hidden="1"/>
    </xf>
    <xf numFmtId="0" fontId="48" fillId="0" borderId="0" xfId="1" applyFont="1" applyAlignment="1" applyProtection="1">
      <alignment horizontal="center" vertical="center" wrapText="1"/>
      <protection hidden="1"/>
    </xf>
    <xf numFmtId="0" fontId="61" fillId="0" borderId="0" xfId="1" applyFont="1" applyAlignment="1" applyProtection="1">
      <alignment horizontal="left" vertical="center" wrapText="1"/>
      <protection hidden="1"/>
    </xf>
    <xf numFmtId="0" fontId="63" fillId="0" borderId="0" xfId="1" applyFont="1" applyAlignment="1" applyProtection="1">
      <alignment horizontal="center" vertical="center" shrinkToFit="1"/>
      <protection hidden="1"/>
    </xf>
    <xf numFmtId="0" fontId="42" fillId="0" borderId="5" xfId="1" applyFont="1" applyBorder="1" applyAlignment="1" applyProtection="1">
      <alignment horizontal="left" vertical="center"/>
      <protection hidden="1"/>
    </xf>
    <xf numFmtId="0" fontId="43" fillId="0" borderId="5" xfId="1" applyFont="1" applyBorder="1" applyAlignment="1" applyProtection="1">
      <alignment horizontal="left" vertical="center" shrinkToFit="1"/>
      <protection hidden="1"/>
    </xf>
    <xf numFmtId="0" fontId="65" fillId="0" borderId="0" xfId="1" applyFont="1" applyAlignment="1" applyProtection="1">
      <alignment horizontal="right" vertical="center" wrapText="1"/>
      <protection hidden="1"/>
    </xf>
    <xf numFmtId="0" fontId="65" fillId="0" borderId="0" xfId="1" applyFont="1" applyAlignment="1" applyProtection="1">
      <alignment horizontal="left" vertical="center" wrapText="1"/>
      <protection hidden="1"/>
    </xf>
    <xf numFmtId="0" fontId="47" fillId="0" borderId="0" xfId="1" applyFont="1" applyAlignment="1" applyProtection="1">
      <alignment horizontal="center" vertical="center"/>
      <protection hidden="1"/>
    </xf>
    <xf numFmtId="0" fontId="63" fillId="0" borderId="0" xfId="1" applyFont="1" applyAlignment="1" applyProtection="1">
      <alignment horizontal="center" vertical="center"/>
      <protection hidden="1"/>
    </xf>
    <xf numFmtId="0" fontId="47" fillId="0" borderId="0" xfId="1" applyFont="1" applyAlignment="1" applyProtection="1">
      <alignment horizontal="center" vertical="center" shrinkToFit="1"/>
      <protection hidden="1"/>
    </xf>
    <xf numFmtId="0" fontId="53" fillId="0" borderId="0" xfId="1" applyFont="1" applyAlignment="1" applyProtection="1">
      <alignment horizontal="left" vertical="center" wrapText="1"/>
      <protection hidden="1"/>
    </xf>
  </cellXfs>
  <cellStyles count="50">
    <cellStyle name="20% - アクセント 1 2" xfId="7"/>
    <cellStyle name="20% - アクセント 2 2" xfId="8"/>
    <cellStyle name="20% - アクセント 3 2" xfId="9"/>
    <cellStyle name="20% - アクセント 4 2" xfId="10"/>
    <cellStyle name="20% - アクセント 5 2" xfId="11"/>
    <cellStyle name="20% - アクセント 6 2" xfId="12"/>
    <cellStyle name="40% - アクセント 1 2" xfId="13"/>
    <cellStyle name="40% - アクセント 2 2" xfId="14"/>
    <cellStyle name="40% - アクセント 3 2" xfId="15"/>
    <cellStyle name="40% - アクセント 4 2" xfId="16"/>
    <cellStyle name="40% - アクセント 5 2" xfId="17"/>
    <cellStyle name="40% - アクセント 6 2" xfId="18"/>
    <cellStyle name="Calc Currency (0)" xfId="19"/>
    <cellStyle name="Header1" xfId="20"/>
    <cellStyle name="Header2" xfId="21"/>
    <cellStyle name="Normal_#18-Internet" xfId="22"/>
    <cellStyle name="パーセント 2" xfId="23"/>
    <cellStyle name="桁区切り 2" xfId="24"/>
    <cellStyle name="桁区切り 2 2" xfId="25"/>
    <cellStyle name="桁区切り 3" xfId="26"/>
    <cellStyle name="桁区切り 4" xfId="27"/>
    <cellStyle name="桁区切り 5" xfId="28"/>
    <cellStyle name="桁区切り 6" xfId="29"/>
    <cellStyle name="桁区切り 6 2" xfId="30"/>
    <cellStyle name="桁区切り 7" xfId="31"/>
    <cellStyle name="桁区切り 8" xfId="45"/>
    <cellStyle name="通貨 2" xfId="32"/>
    <cellStyle name="通貨 2 2" xfId="5"/>
    <cellStyle name="通貨 2 2 2" xfId="47"/>
    <cellStyle name="通貨 2 3" xfId="48"/>
    <cellStyle name="通貨 3" xfId="46"/>
    <cellStyle name="通貨 3 2" xfId="49"/>
    <cellStyle name="標準" xfId="0" builtinId="0"/>
    <cellStyle name="標準 2" xfId="33"/>
    <cellStyle name="標準 2 2" xfId="34"/>
    <cellStyle name="標準 2 3" xfId="35"/>
    <cellStyle name="標準 2 4" xfId="2"/>
    <cellStyle name="標準 3" xfId="36"/>
    <cellStyle name="標準 4" xfId="37"/>
    <cellStyle name="標準 5" xfId="38"/>
    <cellStyle name="標準 5 2" xfId="39"/>
    <cellStyle name="標準 5 3" xfId="40"/>
    <cellStyle name="標準 5 3 2" xfId="41"/>
    <cellStyle name="標準 6" xfId="42"/>
    <cellStyle name="標準 7" xfId="44"/>
    <cellStyle name="標準_PC注文書V2" xfId="3"/>
    <cellStyle name="標準_新改定版PC注文書2003-0714" xfId="4"/>
    <cellStyle name="標準_注文書エディタ" xfId="6"/>
    <cellStyle name="標準_注文書エディタver1.3" xfId="1"/>
    <cellStyle name="枠" xfId="43"/>
  </cellStyles>
  <dxfs count="457">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rgb="FF9C0006"/>
      </font>
      <fill>
        <patternFill>
          <bgColor rgb="FFFFC7CE"/>
        </patternFill>
      </fill>
    </dxf>
    <dxf>
      <fill>
        <patternFill>
          <bgColor indexed="52"/>
        </patternFill>
      </fill>
    </dxf>
    <dxf>
      <font>
        <color indexed="9"/>
      </font>
    </dxf>
    <dxf>
      <fill>
        <patternFill>
          <bgColor indexed="52"/>
        </patternFill>
      </fill>
    </dxf>
    <dxf>
      <font>
        <color rgb="FF9C0006"/>
      </font>
      <fill>
        <patternFill>
          <bgColor rgb="FFFFC7CE"/>
        </patternFill>
      </fill>
    </dxf>
    <dxf>
      <fill>
        <patternFill>
          <bgColor indexed="52"/>
        </patternFill>
      </fill>
    </dxf>
    <dxf>
      <font>
        <color indexed="9"/>
      </font>
    </dxf>
    <dxf>
      <fill>
        <patternFill>
          <bgColor indexed="52"/>
        </patternFill>
      </fill>
    </dxf>
    <dxf>
      <font>
        <color rgb="FF9C0006"/>
      </font>
      <fill>
        <patternFill>
          <bgColor rgb="FFFFC7CE"/>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ont>
        <color rgb="FF9C0006"/>
      </font>
      <fill>
        <patternFill>
          <bgColor rgb="FFFFC7CE"/>
        </patternFill>
      </fill>
    </dxf>
    <dxf>
      <fill>
        <patternFill>
          <bgColor indexed="52"/>
        </patternFill>
      </fill>
    </dxf>
    <dxf>
      <font>
        <color indexed="9"/>
      </font>
    </dxf>
    <dxf>
      <fill>
        <patternFill>
          <bgColor indexed="52"/>
        </patternFill>
      </fill>
    </dxf>
    <dxf>
      <font>
        <color rgb="FF9C0006"/>
      </font>
      <fill>
        <patternFill>
          <bgColor rgb="FFFFC7CE"/>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rgb="FF9C0006"/>
      </font>
      <fill>
        <patternFill>
          <bgColor rgb="FFFFC7CE"/>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ndense val="0"/>
        <extend val="0"/>
        <color auto="1"/>
      </font>
      <fill>
        <patternFill patternType="none">
          <bgColor indexed="65"/>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ont>
        <condense val="0"/>
        <extend val="0"/>
        <color auto="1"/>
      </font>
      <fill>
        <patternFill patternType="none">
          <bgColor indexed="65"/>
        </patternFill>
      </fill>
    </dxf>
    <dxf>
      <fill>
        <patternFill>
          <bgColor indexed="52"/>
        </patternFill>
      </fill>
    </dxf>
    <dxf>
      <fill>
        <patternFill>
          <bgColor indexed="52"/>
        </patternFill>
      </fill>
    </dxf>
    <dxf>
      <font>
        <color indexed="9"/>
      </font>
    </dxf>
    <dxf>
      <fill>
        <patternFill>
          <bgColor indexed="52"/>
        </patternFill>
      </fill>
    </dxf>
    <dxf>
      <font>
        <condense val="0"/>
        <extend val="0"/>
        <color auto="1"/>
      </font>
      <fill>
        <patternFill patternType="none">
          <bgColor indexed="65"/>
        </patternFill>
      </fill>
    </dxf>
    <dxf>
      <fill>
        <patternFill>
          <bgColor indexed="52"/>
        </patternFill>
      </fill>
    </dxf>
    <dxf>
      <font>
        <condense val="0"/>
        <extend val="0"/>
        <color auto="1"/>
      </font>
      <fill>
        <patternFill patternType="none">
          <bgColor indexed="65"/>
        </patternFill>
      </fill>
    </dxf>
    <dxf>
      <fill>
        <patternFill>
          <bgColor indexed="52"/>
        </patternFill>
      </fill>
    </dxf>
    <dxf>
      <fill>
        <patternFill>
          <bgColor indexed="52"/>
        </patternFill>
      </fill>
    </dxf>
    <dxf>
      <font>
        <color indexed="9"/>
      </font>
    </dxf>
    <dxf>
      <fill>
        <patternFill>
          <bgColor indexed="52"/>
        </patternFill>
      </fill>
    </dxf>
    <dxf>
      <font>
        <condense val="0"/>
        <extend val="0"/>
        <color auto="1"/>
      </font>
      <fill>
        <patternFill patternType="none">
          <bgColor indexed="65"/>
        </patternFill>
      </fill>
    </dxf>
    <dxf>
      <fill>
        <patternFill>
          <bgColor indexed="52"/>
        </patternFill>
      </fill>
    </dxf>
    <dxf>
      <font>
        <condense val="0"/>
        <extend val="0"/>
        <color auto="1"/>
      </font>
      <fill>
        <patternFill patternType="none">
          <bgColor indexed="65"/>
        </patternFill>
      </fill>
    </dxf>
    <dxf>
      <fill>
        <patternFill>
          <bgColor indexed="52"/>
        </patternFill>
      </fill>
    </dxf>
    <dxf>
      <fill>
        <patternFill>
          <bgColor indexed="52"/>
        </patternFill>
      </fill>
    </dxf>
    <dxf>
      <font>
        <condense val="0"/>
        <extend val="0"/>
        <color auto="1"/>
      </font>
      <fill>
        <patternFill patternType="none">
          <bgColor indexed="65"/>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ndense val="0"/>
        <extend val="0"/>
        <color auto="1"/>
      </font>
      <fill>
        <patternFill patternType="none">
          <bgColor indexed="65"/>
        </patternFill>
      </fill>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ont>
        <condense val="0"/>
        <extend val="0"/>
        <color auto="1"/>
      </font>
      <fill>
        <patternFill patternType="none">
          <bgColor indexed="65"/>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ndense val="0"/>
        <extend val="0"/>
        <color auto="1"/>
      </font>
      <fill>
        <patternFill patternType="none">
          <bgColor indexed="65"/>
        </patternFill>
      </fill>
    </dxf>
    <dxf>
      <font>
        <condense val="0"/>
        <extend val="0"/>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ndense val="0"/>
        <extend val="0"/>
        <color auto="1"/>
      </font>
      <fill>
        <patternFill patternType="none">
          <bgColor indexed="65"/>
        </patternFill>
      </fill>
    </dxf>
    <dxf>
      <fill>
        <patternFill>
          <bgColor indexed="52"/>
        </patternFill>
      </fill>
    </dxf>
    <dxf>
      <font>
        <condense val="0"/>
        <extend val="0"/>
        <color auto="1"/>
      </font>
      <fill>
        <patternFill patternType="none">
          <bgColor indexed="65"/>
        </patternFill>
      </fill>
    </dxf>
    <dxf>
      <fill>
        <patternFill>
          <bgColor indexed="52"/>
        </patternFill>
      </fill>
    </dxf>
    <dxf>
      <font>
        <condense val="0"/>
        <extend val="0"/>
        <color auto="1"/>
      </font>
      <fill>
        <patternFill patternType="none">
          <bgColor indexed="65"/>
        </patternFill>
      </fill>
    </dxf>
    <dxf>
      <fill>
        <patternFill>
          <bgColor indexed="52"/>
        </patternFill>
      </fill>
    </dxf>
    <dxf>
      <font>
        <condense val="0"/>
        <extend val="0"/>
        <color auto="1"/>
      </font>
      <fill>
        <patternFill patternType="none">
          <bgColor indexed="65"/>
        </patternFill>
      </fill>
    </dxf>
    <dxf>
      <fill>
        <patternFill>
          <bgColor indexed="52"/>
        </patternFill>
      </fill>
    </dxf>
    <dxf>
      <font>
        <condense val="0"/>
        <extend val="0"/>
        <color auto="1"/>
      </font>
      <fill>
        <patternFill patternType="none">
          <bgColor indexed="65"/>
        </patternFill>
      </fill>
    </dxf>
    <dxf>
      <fill>
        <patternFill>
          <bgColor indexed="52"/>
        </patternFill>
      </fill>
    </dxf>
    <dxf>
      <font>
        <condense val="0"/>
        <extend val="0"/>
        <color auto="1"/>
      </font>
      <fill>
        <patternFill patternType="none">
          <bgColor indexed="65"/>
        </patternFill>
      </fill>
    </dxf>
    <dxf>
      <fill>
        <patternFill>
          <bgColor indexed="52"/>
        </patternFill>
      </fill>
    </dxf>
    <dxf>
      <font>
        <color indexed="9"/>
      </font>
    </dxf>
    <dxf>
      <fill>
        <patternFill>
          <bgColor indexed="52"/>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indexed="9"/>
      </font>
    </dxf>
    <dxf>
      <fill>
        <patternFill>
          <bgColor indexed="52"/>
        </patternFill>
      </fill>
    </dxf>
    <dxf>
      <fill>
        <patternFill>
          <bgColor indexed="52"/>
        </patternFill>
      </fill>
    </dxf>
    <dxf>
      <font>
        <color indexed="9"/>
      </font>
    </dxf>
    <dxf>
      <fill>
        <patternFill>
          <bgColor indexed="52"/>
        </patternFill>
      </fill>
    </dxf>
    <dxf>
      <font>
        <condense val="0"/>
        <extend val="0"/>
        <color auto="1"/>
      </font>
      <fill>
        <patternFill patternType="none">
          <bgColor indexed="65"/>
        </patternFill>
      </fill>
    </dxf>
    <dxf>
      <fill>
        <patternFill>
          <bgColor indexed="52"/>
        </patternFill>
      </fill>
    </dxf>
    <dxf>
      <fill>
        <patternFill>
          <bgColor indexed="52"/>
        </patternFill>
      </fill>
    </dxf>
    <dxf>
      <font>
        <color indexed="9"/>
      </font>
    </dxf>
    <dxf>
      <fill>
        <patternFill>
          <bgColor indexed="52"/>
        </patternFill>
      </fill>
    </dxf>
    <dxf>
      <font>
        <condense val="0"/>
        <extend val="0"/>
        <color auto="1"/>
      </font>
      <fill>
        <patternFill patternType="none">
          <bgColor indexed="65"/>
        </patternFill>
      </fill>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ont>
        <condense val="0"/>
        <extend val="0"/>
        <color auto="1"/>
      </font>
      <fill>
        <patternFill patternType="none">
          <bgColor indexed="65"/>
        </patternFill>
      </fill>
    </dxf>
    <dxf>
      <fill>
        <patternFill>
          <bgColor indexed="52"/>
        </patternFill>
      </fill>
    </dxf>
    <dxf>
      <fill>
        <patternFill>
          <bgColor indexed="52"/>
        </patternFill>
      </fill>
    </dxf>
    <dxf>
      <font>
        <color indexed="9"/>
      </font>
    </dxf>
    <dxf>
      <fill>
        <patternFill>
          <bgColor indexed="52"/>
        </patternFill>
      </fill>
    </dxf>
    <dxf>
      <font>
        <condense val="0"/>
        <extend val="0"/>
        <color auto="1"/>
      </font>
      <fill>
        <patternFill patternType="none">
          <bgColor indexed="65"/>
        </patternFill>
      </fill>
    </dxf>
    <dxf>
      <fill>
        <patternFill>
          <bgColor indexed="52"/>
        </patternFill>
      </fill>
    </dxf>
    <dxf>
      <fill>
        <patternFill>
          <bgColor indexed="52"/>
        </patternFill>
      </fill>
    </dxf>
    <dxf>
      <font>
        <color indexed="9"/>
      </font>
    </dxf>
    <dxf>
      <fill>
        <patternFill>
          <bgColor indexed="52"/>
        </patternFill>
      </fill>
    </dxf>
    <dxf>
      <font>
        <condense val="0"/>
        <extend val="0"/>
        <color auto="1"/>
      </font>
      <fill>
        <patternFill patternType="none">
          <bgColor indexed="65"/>
        </patternFill>
      </fill>
    </dxf>
    <dxf>
      <fill>
        <patternFill>
          <bgColor indexed="52"/>
        </patternFill>
      </fill>
    </dxf>
    <dxf>
      <fill>
        <patternFill>
          <bgColor indexed="52"/>
        </patternFill>
      </fill>
    </dxf>
    <dxf>
      <font>
        <condense val="0"/>
        <extend val="0"/>
        <color auto="1"/>
      </font>
      <fill>
        <patternFill patternType="none">
          <bgColor indexed="65"/>
        </patternFill>
      </fill>
    </dxf>
    <dxf>
      <fill>
        <patternFill>
          <bgColor indexed="52"/>
        </patternFill>
      </fill>
    </dxf>
    <dxf>
      <font>
        <color indexed="9"/>
      </font>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lor indexed="9"/>
      </font>
    </dxf>
    <dxf>
      <fill>
        <patternFill>
          <bgColor indexed="52"/>
        </patternFill>
      </fill>
    </dxf>
    <dxf>
      <fill>
        <patternFill>
          <bgColor indexed="52"/>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auto="1"/>
      </font>
      <fill>
        <patternFill patternType="none">
          <bgColor indexed="65"/>
        </patternFill>
      </fill>
    </dxf>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drawing4.xml.rels><?xml version="1.0" encoding="UTF-8" standalone="yes"?>
<Relationships xmlns="http://schemas.openxmlformats.org/package/2006/relationships"><Relationship Id="rId1" Type="http://schemas.openxmlformats.org/officeDocument/2006/relationships/image" Target="../media/image1.emf"/></Relationships>
</file>

<file path=xl/drawings/_rels/drawing5.xml.rels><?xml version="1.0" encoding="UTF-8" standalone="yes"?>
<Relationships xmlns="http://schemas.openxmlformats.org/package/2006/relationships"><Relationship Id="rId1" Type="http://schemas.openxmlformats.org/officeDocument/2006/relationships/image" Target="../media/image1.emf"/></Relationships>
</file>

<file path=xl/drawings/_rels/drawing6.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15</xdr:col>
      <xdr:colOff>1409700</xdr:colOff>
      <xdr:row>0</xdr:row>
      <xdr:rowOff>190500</xdr:rowOff>
    </xdr:from>
    <xdr:to>
      <xdr:col>19</xdr:col>
      <xdr:colOff>0</xdr:colOff>
      <xdr:row>8</xdr:row>
      <xdr:rowOff>800100</xdr:rowOff>
    </xdr:to>
    <xdr:pic>
      <xdr:nvPicPr>
        <xdr:cNvPr id="2" name="図 1">
          <a:extLst>
            <a:ext uri="{FF2B5EF4-FFF2-40B4-BE49-F238E27FC236}">
              <a16:creationId xmlns:a16="http://schemas.microsoft.com/office/drawing/2014/main" id="{FDAD9044-37A1-4113-A0D2-DB886F1810C4}"/>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5</xdr:col>
      <xdr:colOff>1409700</xdr:colOff>
      <xdr:row>0</xdr:row>
      <xdr:rowOff>190500</xdr:rowOff>
    </xdr:from>
    <xdr:to>
      <xdr:col>19</xdr:col>
      <xdr:colOff>0</xdr:colOff>
      <xdr:row>8</xdr:row>
      <xdr:rowOff>800100</xdr:rowOff>
    </xdr:to>
    <xdr:pic>
      <xdr:nvPicPr>
        <xdr:cNvPr id="3" name="図 2">
          <a:extLst>
            <a:ext uri="{FF2B5EF4-FFF2-40B4-BE49-F238E27FC236}">
              <a16:creationId xmlns:a16="http://schemas.microsoft.com/office/drawing/2014/main" id="{74BE978D-DEB9-4B25-BB23-9F42C0AE11F1}"/>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5</xdr:col>
      <xdr:colOff>1409700</xdr:colOff>
      <xdr:row>0</xdr:row>
      <xdr:rowOff>190500</xdr:rowOff>
    </xdr:from>
    <xdr:to>
      <xdr:col>19</xdr:col>
      <xdr:colOff>0</xdr:colOff>
      <xdr:row>8</xdr:row>
      <xdr:rowOff>800100</xdr:rowOff>
    </xdr:to>
    <xdr:pic>
      <xdr:nvPicPr>
        <xdr:cNvPr id="2" name="図 1">
          <a:extLst>
            <a:ext uri="{FF2B5EF4-FFF2-40B4-BE49-F238E27FC236}">
              <a16:creationId xmlns:a16="http://schemas.microsoft.com/office/drawing/2014/main" id="{8FAB6868-76E2-44B2-B36E-7FE889FFDE5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5</xdr:col>
      <xdr:colOff>1409700</xdr:colOff>
      <xdr:row>0</xdr:row>
      <xdr:rowOff>190500</xdr:rowOff>
    </xdr:from>
    <xdr:to>
      <xdr:col>19</xdr:col>
      <xdr:colOff>0</xdr:colOff>
      <xdr:row>8</xdr:row>
      <xdr:rowOff>800100</xdr:rowOff>
    </xdr:to>
    <xdr:pic>
      <xdr:nvPicPr>
        <xdr:cNvPr id="3" name="図 2">
          <a:extLst>
            <a:ext uri="{FF2B5EF4-FFF2-40B4-BE49-F238E27FC236}">
              <a16:creationId xmlns:a16="http://schemas.microsoft.com/office/drawing/2014/main" id="{2B69F71E-47A3-43DA-AB2E-48A1F784632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15</xdr:col>
      <xdr:colOff>1409700</xdr:colOff>
      <xdr:row>0</xdr:row>
      <xdr:rowOff>190500</xdr:rowOff>
    </xdr:from>
    <xdr:to>
      <xdr:col>19</xdr:col>
      <xdr:colOff>0</xdr:colOff>
      <xdr:row>8</xdr:row>
      <xdr:rowOff>800100</xdr:rowOff>
    </xdr:to>
    <xdr:pic>
      <xdr:nvPicPr>
        <xdr:cNvPr id="2" name="図 1">
          <a:extLst>
            <a:ext uri="{FF2B5EF4-FFF2-40B4-BE49-F238E27FC236}">
              <a16:creationId xmlns:a16="http://schemas.microsoft.com/office/drawing/2014/main" id="{7BB185F5-F627-4677-80BD-37CD4F4BEAF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4879300" y="190500"/>
          <a:ext cx="9531350" cy="78422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5</xdr:col>
      <xdr:colOff>1409700</xdr:colOff>
      <xdr:row>0</xdr:row>
      <xdr:rowOff>190500</xdr:rowOff>
    </xdr:from>
    <xdr:to>
      <xdr:col>19</xdr:col>
      <xdr:colOff>0</xdr:colOff>
      <xdr:row>8</xdr:row>
      <xdr:rowOff>800100</xdr:rowOff>
    </xdr:to>
    <xdr:pic>
      <xdr:nvPicPr>
        <xdr:cNvPr id="3" name="図 2">
          <a:extLst>
            <a:ext uri="{FF2B5EF4-FFF2-40B4-BE49-F238E27FC236}">
              <a16:creationId xmlns:a16="http://schemas.microsoft.com/office/drawing/2014/main" id="{60E00A6E-7337-4E6C-A892-771F33EE8B7D}"/>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4879300" y="190500"/>
          <a:ext cx="9531350" cy="78422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15</xdr:col>
      <xdr:colOff>1409700</xdr:colOff>
      <xdr:row>0</xdr:row>
      <xdr:rowOff>190500</xdr:rowOff>
    </xdr:from>
    <xdr:to>
      <xdr:col>19</xdr:col>
      <xdr:colOff>0</xdr:colOff>
      <xdr:row>8</xdr:row>
      <xdr:rowOff>800100</xdr:rowOff>
    </xdr:to>
    <xdr:pic>
      <xdr:nvPicPr>
        <xdr:cNvPr id="2" name="図 1">
          <a:extLst>
            <a:ext uri="{FF2B5EF4-FFF2-40B4-BE49-F238E27FC236}">
              <a16:creationId xmlns:a16="http://schemas.microsoft.com/office/drawing/2014/main" id="{FC72AE0A-BB54-4625-B3B8-A656389ADAA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5</xdr:col>
      <xdr:colOff>1409700</xdr:colOff>
      <xdr:row>0</xdr:row>
      <xdr:rowOff>190500</xdr:rowOff>
    </xdr:from>
    <xdr:to>
      <xdr:col>19</xdr:col>
      <xdr:colOff>0</xdr:colOff>
      <xdr:row>8</xdr:row>
      <xdr:rowOff>800100</xdr:rowOff>
    </xdr:to>
    <xdr:pic>
      <xdr:nvPicPr>
        <xdr:cNvPr id="3" name="図 2">
          <a:extLst>
            <a:ext uri="{FF2B5EF4-FFF2-40B4-BE49-F238E27FC236}">
              <a16:creationId xmlns:a16="http://schemas.microsoft.com/office/drawing/2014/main" id="{286A1BF9-5F8D-4BB0-9C03-BCDCC9BD2729}"/>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5</xdr:col>
      <xdr:colOff>1409700</xdr:colOff>
      <xdr:row>0</xdr:row>
      <xdr:rowOff>190500</xdr:rowOff>
    </xdr:from>
    <xdr:to>
      <xdr:col>19</xdr:col>
      <xdr:colOff>0</xdr:colOff>
      <xdr:row>8</xdr:row>
      <xdr:rowOff>800100</xdr:rowOff>
    </xdr:to>
    <xdr:pic>
      <xdr:nvPicPr>
        <xdr:cNvPr id="2" name="図 1">
          <a:extLst>
            <a:ext uri="{FF2B5EF4-FFF2-40B4-BE49-F238E27FC236}">
              <a16:creationId xmlns:a16="http://schemas.microsoft.com/office/drawing/2014/main" id="{C0B4E6A7-933B-4ECF-95F3-414B108C19E2}"/>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5</xdr:col>
      <xdr:colOff>1409700</xdr:colOff>
      <xdr:row>0</xdr:row>
      <xdr:rowOff>190500</xdr:rowOff>
    </xdr:from>
    <xdr:to>
      <xdr:col>19</xdr:col>
      <xdr:colOff>0</xdr:colOff>
      <xdr:row>8</xdr:row>
      <xdr:rowOff>800100</xdr:rowOff>
    </xdr:to>
    <xdr:pic>
      <xdr:nvPicPr>
        <xdr:cNvPr id="3" name="図 2">
          <a:extLst>
            <a:ext uri="{FF2B5EF4-FFF2-40B4-BE49-F238E27FC236}">
              <a16:creationId xmlns:a16="http://schemas.microsoft.com/office/drawing/2014/main" id="{C5D4B046-E7A0-40E2-866C-BCE086FD6E3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15</xdr:col>
      <xdr:colOff>1409700</xdr:colOff>
      <xdr:row>0</xdr:row>
      <xdr:rowOff>190500</xdr:rowOff>
    </xdr:from>
    <xdr:to>
      <xdr:col>19</xdr:col>
      <xdr:colOff>0</xdr:colOff>
      <xdr:row>8</xdr:row>
      <xdr:rowOff>800100</xdr:rowOff>
    </xdr:to>
    <xdr:pic>
      <xdr:nvPicPr>
        <xdr:cNvPr id="2" name="図 1">
          <a:extLst>
            <a:ext uri="{FF2B5EF4-FFF2-40B4-BE49-F238E27FC236}">
              <a16:creationId xmlns:a16="http://schemas.microsoft.com/office/drawing/2014/main" id="{AA714FE6-10F6-4944-BDD7-7BA8887B79B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5</xdr:col>
      <xdr:colOff>1409700</xdr:colOff>
      <xdr:row>0</xdr:row>
      <xdr:rowOff>190500</xdr:rowOff>
    </xdr:from>
    <xdr:to>
      <xdr:col>19</xdr:col>
      <xdr:colOff>0</xdr:colOff>
      <xdr:row>8</xdr:row>
      <xdr:rowOff>800100</xdr:rowOff>
    </xdr:to>
    <xdr:pic>
      <xdr:nvPicPr>
        <xdr:cNvPr id="3" name="図 2">
          <a:extLst>
            <a:ext uri="{FF2B5EF4-FFF2-40B4-BE49-F238E27FC236}">
              <a16:creationId xmlns:a16="http://schemas.microsoft.com/office/drawing/2014/main" id="{96876429-99D0-4C25-90BC-5A534D1FABC8}"/>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6984325" y="190500"/>
          <a:ext cx="10515600" cy="7791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sv2\&#20986;&#29256;&#21942;&#26989;&#37096;\My%20Documents\&#27880;&#25991;&#26360;\version2007\&#27880;&#25991;&#26360;&#12456;&#12487;&#12451;&#1247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管理"/>
      <sheetName val="調整商品"/>
      <sheetName val="01アプリ"/>
      <sheetName val="02web"/>
      <sheetName val="03Java・UML"/>
      <sheetName val="04C・SE"/>
      <sheetName val="05DB"/>
      <sheetName val="06資格ベンダー"/>
      <sheetName val="07資格情報処理"/>
      <sheetName val="08ビジネス①"/>
      <sheetName val="09ビジネス②"/>
      <sheetName val="10郊外版"/>
      <sheetName val="11郊外版一般書"/>
      <sheetName val="12特A-1"/>
      <sheetName val="13特A-2"/>
      <sheetName val="14特A-3"/>
      <sheetName val="15雑誌"/>
      <sheetName val="16SQL_SERVER_MAG"/>
    </sheetNames>
    <sheetDataSet>
      <sheetData sheetId="0">
        <row r="1">
          <cell r="C1" t="str">
            <v>書名ｺｰﾄﾞ</v>
          </cell>
          <cell r="D1" t="str">
            <v>書名</v>
          </cell>
          <cell r="E1" t="str">
            <v>本体価格</v>
          </cell>
          <cell r="F1" t="str">
            <v>ISBNコード</v>
          </cell>
          <cell r="G1" t="str">
            <v>ｽﾃｰﾀｽ</v>
          </cell>
          <cell r="H1" t="str">
            <v>初版日</v>
          </cell>
          <cell r="J1" t="str">
            <v>書名ｺｰﾄﾞ</v>
          </cell>
          <cell r="K1" t="str">
            <v>記号</v>
          </cell>
          <cell r="L1" t="str">
            <v>SET</v>
          </cell>
          <cell r="M1" t="str">
            <v>ていばん</v>
          </cell>
          <cell r="N1" t="str">
            <v>VAN</v>
          </cell>
          <cell r="O1" t="str">
            <v>カウント</v>
          </cell>
        </row>
        <row r="2">
          <cell r="C2">
            <v>30000</v>
          </cell>
          <cell r="D2" t="str">
            <v>日本語MS-WINDOWSプログラマーズガイド</v>
          </cell>
          <cell r="E2">
            <v>2200</v>
          </cell>
          <cell r="F2" t="str">
            <v>00-9</v>
          </cell>
          <cell r="G2">
            <v>33</v>
          </cell>
          <cell r="J2">
            <v>54180</v>
          </cell>
          <cell r="N2">
            <v>11</v>
          </cell>
          <cell r="O2">
            <v>1</v>
          </cell>
        </row>
        <row r="3">
          <cell r="C3">
            <v>30010</v>
          </cell>
          <cell r="D3" t="str">
            <v>花子トレーニングブック</v>
          </cell>
          <cell r="E3">
            <v>2000</v>
          </cell>
          <cell r="F3" t="str">
            <v>01-6</v>
          </cell>
          <cell r="G3">
            <v>33</v>
          </cell>
          <cell r="J3">
            <v>54640</v>
          </cell>
          <cell r="K3">
            <v>0</v>
          </cell>
          <cell r="L3">
            <v>0</v>
          </cell>
          <cell r="N3">
            <v>11</v>
          </cell>
          <cell r="O3">
            <v>2</v>
          </cell>
        </row>
        <row r="4">
          <cell r="C4">
            <v>30020</v>
          </cell>
          <cell r="D4" t="str">
            <v>ハードディスククックブック</v>
          </cell>
          <cell r="E4">
            <v>2200</v>
          </cell>
          <cell r="F4" t="str">
            <v>02-3</v>
          </cell>
          <cell r="G4">
            <v>33</v>
          </cell>
          <cell r="J4">
            <v>55430</v>
          </cell>
          <cell r="N4">
            <v>11</v>
          </cell>
          <cell r="O4">
            <v>1</v>
          </cell>
        </row>
        <row r="5">
          <cell r="C5">
            <v>30030</v>
          </cell>
          <cell r="D5" t="str">
            <v>MS-Windowsアプリケーションスタイルガイド</v>
          </cell>
          <cell r="E5">
            <v>2800</v>
          </cell>
          <cell r="F5" t="str">
            <v>03-0</v>
          </cell>
          <cell r="G5">
            <v>33</v>
          </cell>
          <cell r="J5">
            <v>55980</v>
          </cell>
          <cell r="N5">
            <v>33</v>
          </cell>
          <cell r="O5">
            <v>0</v>
          </cell>
        </row>
        <row r="6">
          <cell r="C6">
            <v>30040</v>
          </cell>
          <cell r="D6" t="str">
            <v>Cビギナーズテキスト</v>
          </cell>
          <cell r="E6">
            <v>1800</v>
          </cell>
          <cell r="F6" t="str">
            <v>04-7</v>
          </cell>
          <cell r="G6">
            <v>33</v>
          </cell>
          <cell r="J6">
            <v>56190</v>
          </cell>
          <cell r="K6" t="str">
            <v>C</v>
          </cell>
          <cell r="L6">
            <v>0</v>
          </cell>
          <cell r="N6">
            <v>11</v>
          </cell>
          <cell r="O6">
            <v>1</v>
          </cell>
        </row>
        <row r="7">
          <cell r="C7">
            <v>30050</v>
          </cell>
          <cell r="D7" t="str">
            <v>MS-C ver4.0クイックリファレンス</v>
          </cell>
          <cell r="E7">
            <v>1800</v>
          </cell>
          <cell r="F7" t="str">
            <v>05-4</v>
          </cell>
          <cell r="G7">
            <v>33</v>
          </cell>
          <cell r="J7">
            <v>56770</v>
          </cell>
          <cell r="N7">
            <v>33</v>
          </cell>
          <cell r="O7">
            <v>0</v>
          </cell>
        </row>
        <row r="8">
          <cell r="C8">
            <v>30060</v>
          </cell>
          <cell r="D8" t="str">
            <v>日本語Excelトレーニングブック</v>
          </cell>
          <cell r="E8">
            <v>2200</v>
          </cell>
          <cell r="F8" t="str">
            <v>06-1</v>
          </cell>
          <cell r="G8">
            <v>33</v>
          </cell>
          <cell r="J8">
            <v>56800</v>
          </cell>
          <cell r="N8">
            <v>11</v>
          </cell>
          <cell r="O8">
            <v>1</v>
          </cell>
        </row>
        <row r="9">
          <cell r="C9">
            <v>30070</v>
          </cell>
          <cell r="D9" t="str">
            <v>dBASE3PLUSクイックリファレンスガイド</v>
          </cell>
          <cell r="E9">
            <v>1800</v>
          </cell>
          <cell r="F9" t="str">
            <v>07-8</v>
          </cell>
          <cell r="G9">
            <v>33</v>
          </cell>
          <cell r="J9">
            <v>56810</v>
          </cell>
          <cell r="N9">
            <v>33</v>
          </cell>
          <cell r="O9">
            <v>0</v>
          </cell>
        </row>
        <row r="10">
          <cell r="C10">
            <v>30080</v>
          </cell>
          <cell r="D10" t="str">
            <v>PDS活用ガイド</v>
          </cell>
          <cell r="E10">
            <v>1800</v>
          </cell>
          <cell r="F10" t="str">
            <v>08-5</v>
          </cell>
          <cell r="G10">
            <v>33</v>
          </cell>
          <cell r="J10">
            <v>56840</v>
          </cell>
          <cell r="N10">
            <v>33</v>
          </cell>
          <cell r="O10">
            <v>0</v>
          </cell>
        </row>
        <row r="11">
          <cell r="C11">
            <v>30090</v>
          </cell>
          <cell r="D11" t="str">
            <v>新松トレーニングブック</v>
          </cell>
          <cell r="E11">
            <v>2200</v>
          </cell>
          <cell r="F11" t="str">
            <v>09-2</v>
          </cell>
          <cell r="G11">
            <v>33</v>
          </cell>
          <cell r="J11">
            <v>56870</v>
          </cell>
          <cell r="K11">
            <v>0</v>
          </cell>
          <cell r="L11">
            <v>0</v>
          </cell>
          <cell r="N11">
            <v>11</v>
          </cell>
          <cell r="O11">
            <v>1</v>
          </cell>
        </row>
        <row r="12">
          <cell r="C12">
            <v>30100</v>
          </cell>
          <cell r="D12" t="str">
            <v>ビギン・ザ・98</v>
          </cell>
          <cell r="E12">
            <v>1500</v>
          </cell>
          <cell r="F12" t="str">
            <v>10-8</v>
          </cell>
          <cell r="G12">
            <v>33</v>
          </cell>
          <cell r="J12">
            <v>56990</v>
          </cell>
          <cell r="K12">
            <v>0</v>
          </cell>
          <cell r="L12">
            <v>0</v>
          </cell>
          <cell r="N12">
            <v>11</v>
          </cell>
          <cell r="O12">
            <v>1</v>
          </cell>
        </row>
        <row r="13">
          <cell r="C13">
            <v>30110</v>
          </cell>
          <cell r="D13" t="str">
            <v>ワープロユーザーのためのMIFES98</v>
          </cell>
          <cell r="E13">
            <v>1500</v>
          </cell>
          <cell r="F13" t="str">
            <v>11-5</v>
          </cell>
          <cell r="G13">
            <v>33</v>
          </cell>
          <cell r="J13">
            <v>57040</v>
          </cell>
          <cell r="K13">
            <v>0</v>
          </cell>
          <cell r="L13">
            <v>0</v>
          </cell>
          <cell r="N13">
            <v>11</v>
          </cell>
          <cell r="O13">
            <v>1</v>
          </cell>
        </row>
        <row r="14">
          <cell r="C14">
            <v>30120</v>
          </cell>
          <cell r="D14" t="str">
            <v>AXテクニカルレポート</v>
          </cell>
          <cell r="E14">
            <v>3200</v>
          </cell>
          <cell r="F14" t="str">
            <v>12-2</v>
          </cell>
          <cell r="G14">
            <v>33</v>
          </cell>
          <cell r="J14">
            <v>57050</v>
          </cell>
          <cell r="K14">
            <v>0</v>
          </cell>
          <cell r="L14">
            <v>0</v>
          </cell>
          <cell r="N14">
            <v>11</v>
          </cell>
          <cell r="O14">
            <v>1</v>
          </cell>
        </row>
        <row r="15">
          <cell r="C15">
            <v>30130</v>
          </cell>
          <cell r="D15" t="str">
            <v>日本語プログラミング言語ＭＩＮＤ</v>
          </cell>
          <cell r="E15">
            <v>2800</v>
          </cell>
          <cell r="F15" t="str">
            <v>13-9</v>
          </cell>
          <cell r="G15">
            <v>33</v>
          </cell>
          <cell r="J15">
            <v>57070</v>
          </cell>
          <cell r="N15">
            <v>33</v>
          </cell>
          <cell r="O15">
            <v>0</v>
          </cell>
        </row>
        <row r="16">
          <cell r="C16">
            <v>30140</v>
          </cell>
          <cell r="D16" t="str">
            <v>dBASE3PLUSプログラミングガイド</v>
          </cell>
          <cell r="E16">
            <v>2000</v>
          </cell>
          <cell r="F16" t="str">
            <v>14-6</v>
          </cell>
          <cell r="G16">
            <v>33</v>
          </cell>
          <cell r="J16">
            <v>57110</v>
          </cell>
          <cell r="N16">
            <v>33</v>
          </cell>
          <cell r="O16">
            <v>0</v>
          </cell>
        </row>
        <row r="17">
          <cell r="C17">
            <v>30150</v>
          </cell>
          <cell r="D17" t="str">
            <v>80387活用プログラムコレクション</v>
          </cell>
          <cell r="E17">
            <v>2800</v>
          </cell>
          <cell r="F17" t="str">
            <v>15-3</v>
          </cell>
          <cell r="G17">
            <v>33</v>
          </cell>
          <cell r="J17">
            <v>57180</v>
          </cell>
          <cell r="N17">
            <v>11</v>
          </cell>
          <cell r="O17">
            <v>1</v>
          </cell>
        </row>
        <row r="18">
          <cell r="C18">
            <v>30160</v>
          </cell>
          <cell r="D18" t="str">
            <v>画像通信ガイド</v>
          </cell>
          <cell r="E18">
            <v>1800</v>
          </cell>
          <cell r="F18" t="str">
            <v>16-0</v>
          </cell>
          <cell r="G18">
            <v>33</v>
          </cell>
          <cell r="J18">
            <v>57190</v>
          </cell>
          <cell r="N18">
            <v>33</v>
          </cell>
          <cell r="O18">
            <v>1</v>
          </cell>
        </row>
        <row r="19">
          <cell r="C19">
            <v>30170</v>
          </cell>
          <cell r="D19" t="str">
            <v>AXクォータリーレポート 1号</v>
          </cell>
          <cell r="E19">
            <v>2500</v>
          </cell>
          <cell r="F19" t="str">
            <v>17-7</v>
          </cell>
          <cell r="G19">
            <v>33</v>
          </cell>
          <cell r="J19">
            <v>57200</v>
          </cell>
          <cell r="N19">
            <v>33</v>
          </cell>
          <cell r="O19">
            <v>1</v>
          </cell>
        </row>
        <row r="20">
          <cell r="C20">
            <v>30180</v>
          </cell>
          <cell r="D20" t="str">
            <v>読書するプログラマ</v>
          </cell>
          <cell r="E20">
            <v>1600</v>
          </cell>
          <cell r="F20" t="str">
            <v>18-4</v>
          </cell>
          <cell r="G20">
            <v>33</v>
          </cell>
          <cell r="J20">
            <v>57280</v>
          </cell>
          <cell r="N20">
            <v>33</v>
          </cell>
          <cell r="O20">
            <v>1</v>
          </cell>
        </row>
        <row r="21">
          <cell r="C21">
            <v>30190</v>
          </cell>
          <cell r="D21" t="str">
            <v>シルエットトレーニングブック</v>
          </cell>
          <cell r="E21">
            <v>1600</v>
          </cell>
          <cell r="F21" t="str">
            <v>19-1</v>
          </cell>
          <cell r="G21">
            <v>33</v>
          </cell>
          <cell r="J21">
            <v>57500</v>
          </cell>
          <cell r="N21">
            <v>33</v>
          </cell>
          <cell r="O21">
            <v>0</v>
          </cell>
        </row>
        <row r="22">
          <cell r="C22">
            <v>30200</v>
          </cell>
          <cell r="D22" t="str">
            <v>BBS開局ガイド</v>
          </cell>
          <cell r="E22">
            <v>1800</v>
          </cell>
          <cell r="F22" t="str">
            <v>20-7</v>
          </cell>
          <cell r="G22">
            <v>33</v>
          </cell>
          <cell r="J22">
            <v>57550</v>
          </cell>
          <cell r="N22">
            <v>11</v>
          </cell>
          <cell r="O22">
            <v>1</v>
          </cell>
        </row>
        <row r="23">
          <cell r="C23">
            <v>30210</v>
          </cell>
          <cell r="D23" t="str">
            <v>デジタル版徒然草</v>
          </cell>
          <cell r="E23">
            <v>1500</v>
          </cell>
          <cell r="F23" t="str">
            <v>21-4</v>
          </cell>
          <cell r="G23">
            <v>33</v>
          </cell>
          <cell r="J23">
            <v>57780</v>
          </cell>
          <cell r="K23">
            <v>0</v>
          </cell>
          <cell r="L23">
            <v>0</v>
          </cell>
          <cell r="N23">
            <v>11</v>
          </cell>
          <cell r="O23">
            <v>1</v>
          </cell>
        </row>
        <row r="24">
          <cell r="C24">
            <v>30220</v>
          </cell>
          <cell r="D24" t="str">
            <v>AXクォータリーレポート 2号</v>
          </cell>
          <cell r="E24">
            <v>2500</v>
          </cell>
          <cell r="F24" t="str">
            <v>22-1</v>
          </cell>
          <cell r="G24">
            <v>33</v>
          </cell>
          <cell r="J24">
            <v>57980</v>
          </cell>
          <cell r="N24">
            <v>33</v>
          </cell>
          <cell r="O24">
            <v>0</v>
          </cell>
        </row>
        <row r="25">
          <cell r="C25">
            <v>30230</v>
          </cell>
          <cell r="D25" t="str">
            <v>QuickBASICVer4.2ダイジェストガイド</v>
          </cell>
          <cell r="E25">
            <v>1600</v>
          </cell>
          <cell r="F25" t="str">
            <v>23-8</v>
          </cell>
          <cell r="G25">
            <v>33</v>
          </cell>
          <cell r="J25">
            <v>57990</v>
          </cell>
          <cell r="N25">
            <v>33</v>
          </cell>
          <cell r="O25">
            <v>1</v>
          </cell>
        </row>
        <row r="26">
          <cell r="C26">
            <v>30240</v>
          </cell>
          <cell r="D26" t="str">
            <v>TURBO C2.0ダイジェストガイド</v>
          </cell>
          <cell r="E26">
            <v>1600</v>
          </cell>
          <cell r="F26" t="str">
            <v>24-5</v>
          </cell>
          <cell r="G26">
            <v>33</v>
          </cell>
          <cell r="J26">
            <v>58080</v>
          </cell>
          <cell r="K26">
            <v>0</v>
          </cell>
          <cell r="L26">
            <v>0</v>
          </cell>
          <cell r="N26">
            <v>33</v>
          </cell>
          <cell r="O26">
            <v>1</v>
          </cell>
        </row>
        <row r="27">
          <cell r="C27">
            <v>30250</v>
          </cell>
          <cell r="D27" t="str">
            <v>今夜わかる MS-DOS</v>
          </cell>
          <cell r="E27">
            <v>860</v>
          </cell>
          <cell r="F27" t="str">
            <v>25-2</v>
          </cell>
          <cell r="G27">
            <v>33</v>
          </cell>
          <cell r="J27">
            <v>58110</v>
          </cell>
          <cell r="N27">
            <v>21</v>
          </cell>
          <cell r="O27">
            <v>1</v>
          </cell>
        </row>
        <row r="28">
          <cell r="C28">
            <v>30260</v>
          </cell>
          <cell r="D28" t="str">
            <v>パソコンLAN読本</v>
          </cell>
          <cell r="E28">
            <v>1553</v>
          </cell>
          <cell r="F28" t="str">
            <v>26-9</v>
          </cell>
          <cell r="G28">
            <v>33</v>
          </cell>
          <cell r="J28">
            <v>58130</v>
          </cell>
          <cell r="N28">
            <v>33</v>
          </cell>
          <cell r="O28">
            <v>1</v>
          </cell>
        </row>
        <row r="29">
          <cell r="C29">
            <v>30270</v>
          </cell>
          <cell r="D29" t="str">
            <v>IBM PC&amp;PS/2プログラマーズガイド</v>
          </cell>
          <cell r="E29">
            <v>5049</v>
          </cell>
          <cell r="F29" t="str">
            <v>27-6</v>
          </cell>
          <cell r="G29">
            <v>33</v>
          </cell>
          <cell r="J29">
            <v>58210</v>
          </cell>
          <cell r="K29">
            <v>0</v>
          </cell>
          <cell r="L29">
            <v>0</v>
          </cell>
          <cell r="N29">
            <v>11</v>
          </cell>
          <cell r="O29">
            <v>1</v>
          </cell>
        </row>
        <row r="30">
          <cell r="C30">
            <v>30280</v>
          </cell>
          <cell r="D30" t="str">
            <v>AXクォータリーレポート 3号</v>
          </cell>
          <cell r="E30">
            <v>2500</v>
          </cell>
          <cell r="F30" t="str">
            <v>28-3</v>
          </cell>
          <cell r="G30">
            <v>33</v>
          </cell>
          <cell r="J30">
            <v>58220</v>
          </cell>
          <cell r="K30">
            <v>0</v>
          </cell>
          <cell r="L30">
            <v>0</v>
          </cell>
          <cell r="N30">
            <v>11</v>
          </cell>
          <cell r="O30">
            <v>1</v>
          </cell>
        </row>
        <row r="31">
          <cell r="C31">
            <v>30290</v>
          </cell>
          <cell r="D31" t="str">
            <v>忍者3トレーニングブック</v>
          </cell>
          <cell r="E31">
            <v>1748</v>
          </cell>
          <cell r="F31" t="str">
            <v>29-0</v>
          </cell>
          <cell r="G31">
            <v>33</v>
          </cell>
          <cell r="J31">
            <v>58230</v>
          </cell>
          <cell r="K31">
            <v>0</v>
          </cell>
          <cell r="L31">
            <v>0</v>
          </cell>
          <cell r="N31">
            <v>11</v>
          </cell>
          <cell r="O31">
            <v>1</v>
          </cell>
        </row>
        <row r="32">
          <cell r="C32">
            <v>30300</v>
          </cell>
          <cell r="D32" t="str">
            <v>PC-PAGE 01 標準秋葉原ガイドブック</v>
          </cell>
          <cell r="E32">
            <v>1165</v>
          </cell>
          <cell r="F32" t="str">
            <v>30-6</v>
          </cell>
          <cell r="G32">
            <v>33</v>
          </cell>
          <cell r="J32">
            <v>58250</v>
          </cell>
          <cell r="N32">
            <v>33</v>
          </cell>
          <cell r="O32">
            <v>1</v>
          </cell>
        </row>
        <row r="33">
          <cell r="C33">
            <v>30310</v>
          </cell>
          <cell r="D33" t="str">
            <v>QuickCプログラミングブック</v>
          </cell>
          <cell r="E33">
            <v>1748</v>
          </cell>
          <cell r="F33" t="str">
            <v>31-3</v>
          </cell>
          <cell r="G33">
            <v>33</v>
          </cell>
          <cell r="J33">
            <v>58290</v>
          </cell>
          <cell r="N33">
            <v>11</v>
          </cell>
          <cell r="O33">
            <v>1</v>
          </cell>
        </row>
        <row r="34">
          <cell r="C34">
            <v>30320</v>
          </cell>
          <cell r="D34" t="str">
            <v>海外ネットワークアクセスガイド</v>
          </cell>
          <cell r="E34">
            <v>1456</v>
          </cell>
          <cell r="F34" t="str">
            <v>32-0</v>
          </cell>
          <cell r="G34">
            <v>33</v>
          </cell>
          <cell r="J34">
            <v>58310</v>
          </cell>
          <cell r="N34">
            <v>11</v>
          </cell>
          <cell r="O34">
            <v>1</v>
          </cell>
        </row>
        <row r="35">
          <cell r="C35">
            <v>30330</v>
          </cell>
          <cell r="D35" t="str">
            <v>PC-PAGE 02 一太郎Ver4全ファイル解説</v>
          </cell>
          <cell r="E35">
            <v>1165</v>
          </cell>
          <cell r="F35" t="str">
            <v>33-7</v>
          </cell>
          <cell r="G35">
            <v>33</v>
          </cell>
          <cell r="J35">
            <v>58370</v>
          </cell>
          <cell r="N35">
            <v>33</v>
          </cell>
          <cell r="O35">
            <v>0</v>
          </cell>
        </row>
        <row r="36">
          <cell r="C36">
            <v>30340</v>
          </cell>
          <cell r="D36" t="str">
            <v>一太郎Ver.4トレーニングブック</v>
          </cell>
          <cell r="E36">
            <v>1553</v>
          </cell>
          <cell r="F36" t="str">
            <v>34-4</v>
          </cell>
          <cell r="G36">
            <v>33</v>
          </cell>
          <cell r="J36">
            <v>58380</v>
          </cell>
          <cell r="N36">
            <v>11</v>
          </cell>
          <cell r="O36">
            <v>1</v>
          </cell>
        </row>
        <row r="37">
          <cell r="C37">
            <v>30350</v>
          </cell>
          <cell r="D37" t="str">
            <v>PC-PAGE 03 林檎百科</v>
          </cell>
          <cell r="E37">
            <v>1165</v>
          </cell>
          <cell r="F37" t="str">
            <v>35-1</v>
          </cell>
          <cell r="G37">
            <v>33</v>
          </cell>
          <cell r="J37">
            <v>58430</v>
          </cell>
          <cell r="N37">
            <v>11</v>
          </cell>
          <cell r="O37">
            <v>1</v>
          </cell>
        </row>
        <row r="38">
          <cell r="C38">
            <v>30360</v>
          </cell>
          <cell r="D38" t="str">
            <v>ハードディスクの使い方</v>
          </cell>
          <cell r="E38">
            <v>971</v>
          </cell>
          <cell r="F38" t="str">
            <v>36-8</v>
          </cell>
          <cell r="G38">
            <v>33</v>
          </cell>
          <cell r="J38">
            <v>58440</v>
          </cell>
          <cell r="N38">
            <v>11</v>
          </cell>
          <cell r="O38">
            <v>1</v>
          </cell>
        </row>
        <row r="39">
          <cell r="C39">
            <v>30370</v>
          </cell>
          <cell r="D39" t="str">
            <v>15センチな恋人関係</v>
          </cell>
          <cell r="E39">
            <v>951</v>
          </cell>
          <cell r="F39" t="str">
            <v>37-5</v>
          </cell>
          <cell r="G39">
            <v>33</v>
          </cell>
          <cell r="J39">
            <v>58600</v>
          </cell>
          <cell r="N39">
            <v>33</v>
          </cell>
          <cell r="O39">
            <v>0</v>
          </cell>
        </row>
        <row r="40">
          <cell r="C40">
            <v>30380</v>
          </cell>
          <cell r="D40" t="str">
            <v>MS-C5.1オンラインリファレンス</v>
          </cell>
          <cell r="E40">
            <v>2136</v>
          </cell>
          <cell r="F40" t="str">
            <v>38-2</v>
          </cell>
          <cell r="G40">
            <v>33</v>
          </cell>
          <cell r="J40">
            <v>58610</v>
          </cell>
          <cell r="N40">
            <v>11</v>
          </cell>
          <cell r="O40">
            <v>1</v>
          </cell>
        </row>
        <row r="41">
          <cell r="C41">
            <v>30390</v>
          </cell>
          <cell r="D41" t="str">
            <v>PC-PAGE 04 僕らのパソコン10年史</v>
          </cell>
          <cell r="E41">
            <v>1165</v>
          </cell>
          <cell r="F41" t="str">
            <v>39-9</v>
          </cell>
          <cell r="G41">
            <v>33</v>
          </cell>
          <cell r="J41">
            <v>58670</v>
          </cell>
          <cell r="K41">
            <v>0</v>
          </cell>
          <cell r="L41">
            <v>0</v>
          </cell>
          <cell r="N41">
            <v>11</v>
          </cell>
          <cell r="O41">
            <v>1</v>
          </cell>
        </row>
        <row r="42">
          <cell r="C42">
            <v>30400</v>
          </cell>
          <cell r="D42" t="str">
            <v>AXクォータリーレポート 4号</v>
          </cell>
          <cell r="E42">
            <v>1456</v>
          </cell>
          <cell r="F42" t="str">
            <v>40-5</v>
          </cell>
          <cell r="G42">
            <v>33</v>
          </cell>
          <cell r="J42">
            <v>58690</v>
          </cell>
          <cell r="N42">
            <v>33</v>
          </cell>
          <cell r="O42">
            <v>0</v>
          </cell>
        </row>
        <row r="43">
          <cell r="C43">
            <v>30410</v>
          </cell>
          <cell r="D43" t="str">
            <v>日本語でプログラムを書く方法</v>
          </cell>
          <cell r="E43">
            <v>1165</v>
          </cell>
          <cell r="F43" t="str">
            <v>41-2</v>
          </cell>
          <cell r="G43">
            <v>33</v>
          </cell>
          <cell r="J43">
            <v>58710</v>
          </cell>
          <cell r="N43">
            <v>33</v>
          </cell>
          <cell r="O43">
            <v>1</v>
          </cell>
        </row>
        <row r="44">
          <cell r="C44">
            <v>30420</v>
          </cell>
          <cell r="D44" t="str">
            <v>ネットワークinアメリカ</v>
          </cell>
          <cell r="E44">
            <v>1165</v>
          </cell>
          <cell r="F44" t="str">
            <v>42-9</v>
          </cell>
          <cell r="G44">
            <v>33</v>
          </cell>
          <cell r="J44">
            <v>58740</v>
          </cell>
          <cell r="N44">
            <v>33</v>
          </cell>
          <cell r="O44">
            <v>0</v>
          </cell>
        </row>
        <row r="45">
          <cell r="C45">
            <v>30430</v>
          </cell>
          <cell r="D45" t="str">
            <v>一太郎Ver.3トレーニングブック</v>
          </cell>
          <cell r="E45">
            <v>1553</v>
          </cell>
          <cell r="F45" t="str">
            <v>43-6</v>
          </cell>
          <cell r="G45">
            <v>33</v>
          </cell>
          <cell r="J45">
            <v>58840</v>
          </cell>
          <cell r="N45">
            <v>33</v>
          </cell>
          <cell r="O45">
            <v>0</v>
          </cell>
        </row>
        <row r="46">
          <cell r="C46">
            <v>30440</v>
          </cell>
          <cell r="D46" t="str">
            <v>PC-PAGE 05 私のパソコンシステム</v>
          </cell>
          <cell r="E46">
            <v>1165</v>
          </cell>
          <cell r="F46" t="str">
            <v>44-3</v>
          </cell>
          <cell r="G46">
            <v>33</v>
          </cell>
          <cell r="J46">
            <v>58860</v>
          </cell>
          <cell r="N46">
            <v>33</v>
          </cell>
          <cell r="O46">
            <v>1</v>
          </cell>
        </row>
        <row r="47">
          <cell r="C47">
            <v>30450</v>
          </cell>
          <cell r="D47" t="str">
            <v>オンラインソフトウェアレビュー</v>
          </cell>
          <cell r="E47">
            <v>1748</v>
          </cell>
          <cell r="F47" t="str">
            <v>45-0</v>
          </cell>
          <cell r="G47">
            <v>33</v>
          </cell>
          <cell r="J47">
            <v>58880</v>
          </cell>
          <cell r="K47" t="str">
            <v>A</v>
          </cell>
          <cell r="L47">
            <v>0</v>
          </cell>
          <cell r="N47">
            <v>11</v>
          </cell>
          <cell r="O47">
            <v>2</v>
          </cell>
        </row>
        <row r="48">
          <cell r="C48">
            <v>30460</v>
          </cell>
          <cell r="D48" t="str">
            <v>PC-PAGE 06 パソコンブックガイド1990</v>
          </cell>
          <cell r="E48">
            <v>1165</v>
          </cell>
          <cell r="F48" t="str">
            <v>46-7</v>
          </cell>
          <cell r="G48">
            <v>33</v>
          </cell>
          <cell r="J48">
            <v>59100</v>
          </cell>
          <cell r="N48">
            <v>11</v>
          </cell>
          <cell r="O48">
            <v>1</v>
          </cell>
        </row>
        <row r="49">
          <cell r="C49">
            <v>30470</v>
          </cell>
          <cell r="D49" t="str">
            <v>CD-ROMの冒険</v>
          </cell>
          <cell r="E49">
            <v>1553</v>
          </cell>
          <cell r="F49" t="str">
            <v>47-4</v>
          </cell>
          <cell r="G49">
            <v>34</v>
          </cell>
          <cell r="J49">
            <v>59110</v>
          </cell>
          <cell r="N49">
            <v>11</v>
          </cell>
          <cell r="O49">
            <v>1</v>
          </cell>
        </row>
        <row r="50">
          <cell r="C50">
            <v>30480</v>
          </cell>
          <cell r="D50" t="str">
            <v>PC-VANのすべて</v>
          </cell>
          <cell r="E50">
            <v>1165</v>
          </cell>
          <cell r="F50" t="str">
            <v>48-1</v>
          </cell>
          <cell r="G50">
            <v>33</v>
          </cell>
          <cell r="J50">
            <v>59130</v>
          </cell>
          <cell r="N50">
            <v>33</v>
          </cell>
          <cell r="O50">
            <v>0</v>
          </cell>
        </row>
        <row r="51">
          <cell r="C51">
            <v>30490</v>
          </cell>
          <cell r="D51" t="str">
            <v>PC&amp;PS2ビデオシステムプログラマｰｽﾞガイド</v>
          </cell>
          <cell r="E51">
            <v>5825</v>
          </cell>
          <cell r="F51" t="str">
            <v>49-8</v>
          </cell>
          <cell r="G51">
            <v>33</v>
          </cell>
          <cell r="J51">
            <v>59150</v>
          </cell>
          <cell r="N51">
            <v>33</v>
          </cell>
          <cell r="O51">
            <v>0</v>
          </cell>
        </row>
        <row r="52">
          <cell r="C52">
            <v>30500</v>
          </cell>
          <cell r="D52" t="str">
            <v>TURBO C2.0プログラミングブック</v>
          </cell>
          <cell r="E52">
            <v>1942</v>
          </cell>
          <cell r="F52" t="str">
            <v>50-4</v>
          </cell>
          <cell r="G52">
            <v>33</v>
          </cell>
          <cell r="J52">
            <v>59180</v>
          </cell>
          <cell r="N52">
            <v>33</v>
          </cell>
          <cell r="O52">
            <v>1</v>
          </cell>
        </row>
        <row r="53">
          <cell r="C53">
            <v>30510</v>
          </cell>
          <cell r="D53" t="str">
            <v>QuickBASIC Ver.4.5プログラミングブック</v>
          </cell>
          <cell r="E53">
            <v>1942</v>
          </cell>
          <cell r="F53" t="str">
            <v>51-1</v>
          </cell>
          <cell r="G53">
            <v>33</v>
          </cell>
          <cell r="J53">
            <v>59280</v>
          </cell>
          <cell r="N53">
            <v>21</v>
          </cell>
          <cell r="O53">
            <v>1</v>
          </cell>
        </row>
        <row r="54">
          <cell r="C54">
            <v>30520</v>
          </cell>
          <cell r="D54" t="str">
            <v>花子Ver.2トレーニングブック</v>
          </cell>
          <cell r="E54">
            <v>1553</v>
          </cell>
          <cell r="F54" t="str">
            <v>52-8</v>
          </cell>
          <cell r="G54">
            <v>33</v>
          </cell>
          <cell r="J54">
            <v>59300</v>
          </cell>
          <cell r="N54">
            <v>33</v>
          </cell>
          <cell r="O54">
            <v>1</v>
          </cell>
        </row>
        <row r="55">
          <cell r="C55">
            <v>30530</v>
          </cell>
          <cell r="D55" t="str">
            <v>PC-PAGE 07 BBSの歩き方</v>
          </cell>
          <cell r="E55">
            <v>1165</v>
          </cell>
          <cell r="F55" t="str">
            <v>53-5</v>
          </cell>
          <cell r="G55">
            <v>33</v>
          </cell>
          <cell r="J55">
            <v>59360</v>
          </cell>
          <cell r="N55">
            <v>33</v>
          </cell>
          <cell r="O55">
            <v>0</v>
          </cell>
        </row>
        <row r="56">
          <cell r="C56">
            <v>30540</v>
          </cell>
          <cell r="D56" t="str">
            <v>AXクォータリーレポート 5号</v>
          </cell>
          <cell r="E56">
            <v>1456</v>
          </cell>
          <cell r="F56" t="str">
            <v>54-2</v>
          </cell>
          <cell r="G56">
            <v>33</v>
          </cell>
          <cell r="J56">
            <v>59370</v>
          </cell>
          <cell r="N56">
            <v>33</v>
          </cell>
          <cell r="O56">
            <v>0</v>
          </cell>
        </row>
        <row r="57">
          <cell r="C57">
            <v>30550</v>
          </cell>
          <cell r="D57" t="str">
            <v>PC-PAGE 08 東京パソコンマップ1990</v>
          </cell>
          <cell r="E57">
            <v>1165</v>
          </cell>
          <cell r="F57" t="str">
            <v>55-9</v>
          </cell>
          <cell r="G57">
            <v>33</v>
          </cell>
          <cell r="J57">
            <v>59390</v>
          </cell>
          <cell r="N57">
            <v>33</v>
          </cell>
          <cell r="O57">
            <v>1</v>
          </cell>
        </row>
        <row r="58">
          <cell r="C58">
            <v>30560</v>
          </cell>
          <cell r="D58" t="str">
            <v>QuickCコンパイラVer.2.0ランタイムライブラリリファレンス</v>
          </cell>
          <cell r="E58">
            <v>2330</v>
          </cell>
          <cell r="F58" t="str">
            <v>56-6</v>
          </cell>
          <cell r="G58">
            <v>33</v>
          </cell>
          <cell r="J58">
            <v>59460</v>
          </cell>
          <cell r="N58">
            <v>33</v>
          </cell>
          <cell r="O58">
            <v>1</v>
          </cell>
        </row>
        <row r="59">
          <cell r="C59">
            <v>30570</v>
          </cell>
          <cell r="D59" t="str">
            <v>アシストカードガイドブック</v>
          </cell>
          <cell r="E59">
            <v>1165</v>
          </cell>
          <cell r="F59" t="str">
            <v>57-3</v>
          </cell>
          <cell r="G59">
            <v>33</v>
          </cell>
          <cell r="J59">
            <v>59470</v>
          </cell>
          <cell r="N59">
            <v>33</v>
          </cell>
          <cell r="O59">
            <v>1</v>
          </cell>
        </row>
        <row r="60">
          <cell r="C60">
            <v>30580</v>
          </cell>
          <cell r="D60" t="str">
            <v>PC-PAGE 09 MS-DOS3.3全ファイル解説</v>
          </cell>
          <cell r="E60">
            <v>1165</v>
          </cell>
          <cell r="F60" t="str">
            <v>58-0</v>
          </cell>
          <cell r="G60">
            <v>33</v>
          </cell>
          <cell r="J60">
            <v>59480</v>
          </cell>
          <cell r="N60">
            <v>33</v>
          </cell>
          <cell r="O60">
            <v>1</v>
          </cell>
        </row>
        <row r="61">
          <cell r="C61">
            <v>30590</v>
          </cell>
          <cell r="D61" t="str">
            <v>ビジネスマンのためのデータベース活用ガイド</v>
          </cell>
          <cell r="E61">
            <v>1456</v>
          </cell>
          <cell r="F61" t="str">
            <v>59-7</v>
          </cell>
          <cell r="G61">
            <v>33</v>
          </cell>
          <cell r="J61">
            <v>59570</v>
          </cell>
          <cell r="K61">
            <v>0</v>
          </cell>
          <cell r="L61">
            <v>0</v>
          </cell>
          <cell r="N61">
            <v>21</v>
          </cell>
          <cell r="O61">
            <v>1</v>
          </cell>
        </row>
        <row r="62">
          <cell r="C62">
            <v>30600</v>
          </cell>
          <cell r="D62" t="str">
            <v>QuickBASICVer4.5ステートメント&amp;関数リファレンス</v>
          </cell>
          <cell r="E62">
            <v>2330</v>
          </cell>
          <cell r="F62" t="str">
            <v>60-3</v>
          </cell>
          <cell r="G62">
            <v>33</v>
          </cell>
          <cell r="J62">
            <v>59660</v>
          </cell>
          <cell r="N62">
            <v>33</v>
          </cell>
          <cell r="O62">
            <v>0</v>
          </cell>
        </row>
        <row r="63">
          <cell r="C63">
            <v>30610</v>
          </cell>
          <cell r="D63" t="str">
            <v>AXクォータリーレポート 6号</v>
          </cell>
          <cell r="E63">
            <v>1456</v>
          </cell>
          <cell r="F63" t="str">
            <v>61-0</v>
          </cell>
          <cell r="G63">
            <v>33</v>
          </cell>
          <cell r="J63">
            <v>59680</v>
          </cell>
          <cell r="K63">
            <v>0</v>
          </cell>
          <cell r="L63">
            <v>0</v>
          </cell>
          <cell r="N63">
            <v>11</v>
          </cell>
          <cell r="O63">
            <v>1</v>
          </cell>
        </row>
        <row r="64">
          <cell r="C64">
            <v>30620</v>
          </cell>
          <cell r="D64" t="str">
            <v>UNIX入門</v>
          </cell>
          <cell r="E64">
            <v>1748</v>
          </cell>
          <cell r="F64" t="str">
            <v>62-7</v>
          </cell>
          <cell r="G64">
            <v>33</v>
          </cell>
          <cell r="J64">
            <v>59730</v>
          </cell>
          <cell r="N64">
            <v>33</v>
          </cell>
          <cell r="O64">
            <v>1</v>
          </cell>
        </row>
        <row r="65">
          <cell r="C65">
            <v>30630</v>
          </cell>
          <cell r="D65" t="str">
            <v>プログラマのためのPCソースブック</v>
          </cell>
          <cell r="E65">
            <v>5049</v>
          </cell>
          <cell r="F65" t="str">
            <v>63-4</v>
          </cell>
          <cell r="G65">
            <v>33</v>
          </cell>
          <cell r="J65">
            <v>59740</v>
          </cell>
          <cell r="N65">
            <v>11</v>
          </cell>
          <cell r="O65">
            <v>1</v>
          </cell>
        </row>
        <row r="66">
          <cell r="C66">
            <v>30640</v>
          </cell>
          <cell r="D66" t="str">
            <v>PC-PAGE 10 パソコンを思想する</v>
          </cell>
          <cell r="E66">
            <v>1165</v>
          </cell>
          <cell r="F66" t="str">
            <v>64-1</v>
          </cell>
          <cell r="G66">
            <v>33</v>
          </cell>
          <cell r="J66">
            <v>59790</v>
          </cell>
          <cell r="N66">
            <v>11</v>
          </cell>
          <cell r="O66">
            <v>1</v>
          </cell>
        </row>
        <row r="67">
          <cell r="C67">
            <v>30650</v>
          </cell>
          <cell r="D67" t="str">
            <v>AXクォータリーレポート 7号</v>
          </cell>
          <cell r="E67">
            <v>1456</v>
          </cell>
          <cell r="F67" t="str">
            <v>65-8</v>
          </cell>
          <cell r="G67">
            <v>33</v>
          </cell>
          <cell r="J67">
            <v>59800</v>
          </cell>
          <cell r="N67">
            <v>33</v>
          </cell>
          <cell r="O67">
            <v>0</v>
          </cell>
        </row>
        <row r="68">
          <cell r="C68">
            <v>30660</v>
          </cell>
          <cell r="D68" t="str">
            <v>マルチプラン4.1トレーニングブック</v>
          </cell>
          <cell r="E68">
            <v>1942</v>
          </cell>
          <cell r="F68" t="str">
            <v>66-5</v>
          </cell>
          <cell r="G68">
            <v>33</v>
          </cell>
          <cell r="J68">
            <v>59850</v>
          </cell>
          <cell r="K68" t="str">
            <v>A</v>
          </cell>
          <cell r="L68">
            <v>0</v>
          </cell>
          <cell r="N68">
            <v>11</v>
          </cell>
          <cell r="O68">
            <v>2</v>
          </cell>
        </row>
        <row r="69">
          <cell r="C69">
            <v>30670</v>
          </cell>
          <cell r="D69" t="str">
            <v>NeXTガイドブック</v>
          </cell>
          <cell r="E69">
            <v>1456</v>
          </cell>
          <cell r="F69" t="str">
            <v>67-2</v>
          </cell>
          <cell r="G69">
            <v>33</v>
          </cell>
          <cell r="J69">
            <v>59860</v>
          </cell>
          <cell r="K69" t="str">
            <v>C</v>
          </cell>
          <cell r="N69">
            <v>11</v>
          </cell>
          <cell r="O69">
            <v>1</v>
          </cell>
        </row>
        <row r="70">
          <cell r="C70">
            <v>30680</v>
          </cell>
          <cell r="D70" t="str">
            <v>PC-PAGE 11 MS-DOSバッチファイル</v>
          </cell>
          <cell r="E70">
            <v>1456</v>
          </cell>
          <cell r="F70" t="str">
            <v>68-9</v>
          </cell>
          <cell r="G70">
            <v>33</v>
          </cell>
          <cell r="J70">
            <v>59870</v>
          </cell>
          <cell r="N70">
            <v>21</v>
          </cell>
          <cell r="O70">
            <v>1</v>
          </cell>
        </row>
        <row r="71">
          <cell r="C71">
            <v>30690</v>
          </cell>
          <cell r="D71" t="str">
            <v>QuickBASICスタイルブック</v>
          </cell>
          <cell r="E71">
            <v>2233</v>
          </cell>
          <cell r="F71" t="str">
            <v>69-6</v>
          </cell>
          <cell r="G71">
            <v>33</v>
          </cell>
          <cell r="J71">
            <v>59880</v>
          </cell>
          <cell r="K71" t="str">
            <v>C</v>
          </cell>
          <cell r="N71">
            <v>11</v>
          </cell>
          <cell r="O71">
            <v>1</v>
          </cell>
        </row>
        <row r="72">
          <cell r="C72">
            <v>30700</v>
          </cell>
          <cell r="D72" t="str">
            <v>ワークスノート</v>
          </cell>
          <cell r="E72">
            <v>1456</v>
          </cell>
          <cell r="F72" t="str">
            <v>70-2</v>
          </cell>
          <cell r="G72">
            <v>33</v>
          </cell>
          <cell r="J72">
            <v>59890</v>
          </cell>
          <cell r="N72">
            <v>21</v>
          </cell>
          <cell r="O72">
            <v>1</v>
          </cell>
        </row>
        <row r="73">
          <cell r="C73">
            <v>30710</v>
          </cell>
          <cell r="D73" t="str">
            <v>PC-PAGE 12 プロフェッショナルのパソコン利用術</v>
          </cell>
          <cell r="E73">
            <v>1165</v>
          </cell>
          <cell r="F73" t="str">
            <v>71-9</v>
          </cell>
          <cell r="G73">
            <v>33</v>
          </cell>
          <cell r="J73">
            <v>59930</v>
          </cell>
          <cell r="K73">
            <v>0</v>
          </cell>
          <cell r="L73">
            <v>0</v>
          </cell>
          <cell r="N73">
            <v>11</v>
          </cell>
          <cell r="O73">
            <v>1</v>
          </cell>
        </row>
        <row r="74">
          <cell r="C74">
            <v>30720</v>
          </cell>
          <cell r="D74" t="str">
            <v>AXクォータリーレポート 8号</v>
          </cell>
          <cell r="E74">
            <v>1165</v>
          </cell>
          <cell r="F74" t="str">
            <v>72-6</v>
          </cell>
          <cell r="G74">
            <v>33</v>
          </cell>
          <cell r="J74">
            <v>59960</v>
          </cell>
          <cell r="K74">
            <v>0</v>
          </cell>
          <cell r="L74">
            <v>0</v>
          </cell>
          <cell r="N74">
            <v>11</v>
          </cell>
          <cell r="O74">
            <v>1</v>
          </cell>
        </row>
        <row r="75">
          <cell r="C75">
            <v>30730</v>
          </cell>
          <cell r="D75" t="str">
            <v>PC-PAGE 13 PDS白書</v>
          </cell>
          <cell r="E75">
            <v>1456</v>
          </cell>
          <cell r="F75" t="str">
            <v>73-3</v>
          </cell>
          <cell r="G75">
            <v>33</v>
          </cell>
          <cell r="J75">
            <v>59990</v>
          </cell>
          <cell r="N75">
            <v>33</v>
          </cell>
          <cell r="O75">
            <v>1</v>
          </cell>
        </row>
        <row r="76">
          <cell r="C76">
            <v>30740</v>
          </cell>
          <cell r="D76" t="str">
            <v>PC-PAGE 14 パソコンとMS-DOS</v>
          </cell>
          <cell r="E76">
            <v>1165</v>
          </cell>
          <cell r="F76" t="str">
            <v>74-0</v>
          </cell>
          <cell r="G76">
            <v>33</v>
          </cell>
          <cell r="J76">
            <v>100030</v>
          </cell>
          <cell r="N76">
            <v>11</v>
          </cell>
          <cell r="O76">
            <v>1</v>
          </cell>
        </row>
        <row r="77">
          <cell r="C77">
            <v>30750</v>
          </cell>
          <cell r="D77" t="str">
            <v>PC-PAGE 15 Cの話</v>
          </cell>
          <cell r="E77">
            <v>1456</v>
          </cell>
          <cell r="F77" t="str">
            <v>75-7</v>
          </cell>
          <cell r="G77">
            <v>33</v>
          </cell>
          <cell r="J77">
            <v>100070</v>
          </cell>
          <cell r="N77">
            <v>11</v>
          </cell>
          <cell r="O77">
            <v>1</v>
          </cell>
        </row>
        <row r="78">
          <cell r="C78">
            <v>30760</v>
          </cell>
          <cell r="D78" t="str">
            <v>パソコンなんかこわくない</v>
          </cell>
          <cell r="E78">
            <v>1165</v>
          </cell>
          <cell r="F78" t="str">
            <v>76-4</v>
          </cell>
          <cell r="G78">
            <v>33</v>
          </cell>
          <cell r="J78">
            <v>100120</v>
          </cell>
          <cell r="N78">
            <v>11</v>
          </cell>
          <cell r="O78">
            <v>1</v>
          </cell>
        </row>
        <row r="79">
          <cell r="C79">
            <v>30770</v>
          </cell>
          <cell r="D79" t="str">
            <v>AXクォータリーレポート 9号</v>
          </cell>
          <cell r="E79">
            <v>1165</v>
          </cell>
          <cell r="F79" t="str">
            <v>77-1</v>
          </cell>
          <cell r="G79">
            <v>33</v>
          </cell>
          <cell r="J79">
            <v>100130</v>
          </cell>
          <cell r="N79">
            <v>33</v>
          </cell>
          <cell r="O79">
            <v>1</v>
          </cell>
        </row>
        <row r="80">
          <cell r="C80">
            <v>30780</v>
          </cell>
          <cell r="D80" t="str">
            <v>PC-PAGE 16 パソコン見栄講座</v>
          </cell>
          <cell r="E80">
            <v>1456</v>
          </cell>
          <cell r="F80" t="str">
            <v>78-8</v>
          </cell>
          <cell r="G80">
            <v>33</v>
          </cell>
          <cell r="J80">
            <v>100150</v>
          </cell>
          <cell r="N80">
            <v>33</v>
          </cell>
          <cell r="O80">
            <v>1</v>
          </cell>
        </row>
        <row r="81">
          <cell r="C81">
            <v>30790</v>
          </cell>
          <cell r="D81" t="str">
            <v>マクロアセンブラプログラマーズテキスト</v>
          </cell>
          <cell r="E81">
            <v>2524</v>
          </cell>
          <cell r="F81" t="str">
            <v>79-5</v>
          </cell>
          <cell r="G81">
            <v>33</v>
          </cell>
          <cell r="J81">
            <v>100170</v>
          </cell>
          <cell r="N81">
            <v>11</v>
          </cell>
          <cell r="O81">
            <v>1</v>
          </cell>
        </row>
        <row r="82">
          <cell r="C82">
            <v>30800</v>
          </cell>
          <cell r="D82" t="str">
            <v>PC-PAGE 17 Windowsがやってきた</v>
          </cell>
          <cell r="E82">
            <v>1165</v>
          </cell>
          <cell r="F82" t="str">
            <v>80-1</v>
          </cell>
          <cell r="G82">
            <v>33</v>
          </cell>
          <cell r="J82">
            <v>100180</v>
          </cell>
          <cell r="N82">
            <v>11</v>
          </cell>
          <cell r="O82">
            <v>1</v>
          </cell>
        </row>
        <row r="83">
          <cell r="C83">
            <v>30810</v>
          </cell>
          <cell r="D83" t="str">
            <v>ネットワーカーズハンドブック</v>
          </cell>
          <cell r="E83">
            <v>1456</v>
          </cell>
          <cell r="F83" t="str">
            <v>81-8</v>
          </cell>
          <cell r="G83">
            <v>33</v>
          </cell>
          <cell r="J83">
            <v>100230</v>
          </cell>
          <cell r="K83" t="str">
            <v>A</v>
          </cell>
          <cell r="L83">
            <v>0</v>
          </cell>
          <cell r="N83">
            <v>11</v>
          </cell>
          <cell r="O83">
            <v>1</v>
          </cell>
        </row>
        <row r="84">
          <cell r="C84">
            <v>30820</v>
          </cell>
          <cell r="D84" t="str">
            <v>PC-PAGE 18 Macintoshグラフィック工房</v>
          </cell>
          <cell r="E84">
            <v>1456</v>
          </cell>
          <cell r="F84" t="str">
            <v>82-5</v>
          </cell>
          <cell r="G84">
            <v>33</v>
          </cell>
          <cell r="J84">
            <v>100270</v>
          </cell>
          <cell r="N84">
            <v>11</v>
          </cell>
          <cell r="O84">
            <v>1</v>
          </cell>
        </row>
        <row r="85">
          <cell r="C85">
            <v>30830</v>
          </cell>
          <cell r="D85" t="str">
            <v>AXクォータリーレポート 10号</v>
          </cell>
          <cell r="E85">
            <v>1165</v>
          </cell>
          <cell r="F85" t="str">
            <v>83-2</v>
          </cell>
          <cell r="G85">
            <v>33</v>
          </cell>
          <cell r="J85">
            <v>100280</v>
          </cell>
          <cell r="K85">
            <v>0</v>
          </cell>
          <cell r="L85">
            <v>0</v>
          </cell>
          <cell r="N85">
            <v>11</v>
          </cell>
          <cell r="O85">
            <v>1</v>
          </cell>
        </row>
        <row r="86">
          <cell r="C86">
            <v>30840</v>
          </cell>
          <cell r="D86" t="str">
            <v>C文解釈</v>
          </cell>
          <cell r="E86">
            <v>1942</v>
          </cell>
          <cell r="F86" t="str">
            <v>84-9</v>
          </cell>
          <cell r="G86">
            <v>33</v>
          </cell>
          <cell r="J86">
            <v>100300</v>
          </cell>
          <cell r="N86">
            <v>11</v>
          </cell>
          <cell r="O86">
            <v>1</v>
          </cell>
        </row>
        <row r="87">
          <cell r="C87">
            <v>30850</v>
          </cell>
          <cell r="D87" t="str">
            <v>PC-PAGE 19 日本語入力読本</v>
          </cell>
          <cell r="E87">
            <v>1456</v>
          </cell>
          <cell r="F87" t="str">
            <v>85-6</v>
          </cell>
          <cell r="G87">
            <v>33</v>
          </cell>
          <cell r="J87">
            <v>100420</v>
          </cell>
          <cell r="K87">
            <v>0</v>
          </cell>
          <cell r="L87">
            <v>0</v>
          </cell>
          <cell r="N87">
            <v>11</v>
          </cell>
          <cell r="O87">
            <v>1</v>
          </cell>
        </row>
        <row r="88">
          <cell r="C88">
            <v>30860</v>
          </cell>
          <cell r="D88" t="str">
            <v>PC-PAGE 20 Windows3.0特別集中講義</v>
          </cell>
          <cell r="E88">
            <v>1456</v>
          </cell>
          <cell r="F88" t="str">
            <v>86-3</v>
          </cell>
          <cell r="G88">
            <v>33</v>
          </cell>
          <cell r="J88">
            <v>100430</v>
          </cell>
          <cell r="K88">
            <v>0</v>
          </cell>
          <cell r="L88">
            <v>0</v>
          </cell>
          <cell r="N88">
            <v>11</v>
          </cell>
          <cell r="O88">
            <v>1</v>
          </cell>
        </row>
        <row r="89">
          <cell r="C89">
            <v>30870</v>
          </cell>
          <cell r="D89" t="str">
            <v>PC-PAGE 21 フリーソフトウェア派宣言</v>
          </cell>
          <cell r="E89">
            <v>1456</v>
          </cell>
          <cell r="F89" t="str">
            <v>87-0</v>
          </cell>
          <cell r="G89">
            <v>33</v>
          </cell>
          <cell r="J89">
            <v>100450</v>
          </cell>
          <cell r="N89">
            <v>33</v>
          </cell>
          <cell r="O89">
            <v>1</v>
          </cell>
        </row>
        <row r="90">
          <cell r="C90">
            <v>30880</v>
          </cell>
          <cell r="D90" t="str">
            <v>AXクォータリーレポート 11号</v>
          </cell>
          <cell r="E90">
            <v>1165</v>
          </cell>
          <cell r="F90" t="str">
            <v>88-7</v>
          </cell>
          <cell r="G90">
            <v>33</v>
          </cell>
          <cell r="J90">
            <v>100470</v>
          </cell>
          <cell r="N90">
            <v>11</v>
          </cell>
          <cell r="O90">
            <v>1</v>
          </cell>
        </row>
        <row r="91">
          <cell r="C91">
            <v>30890</v>
          </cell>
          <cell r="D91" t="str">
            <v>PC-PAGE 24 MS-DOS5.0全ファイル解説</v>
          </cell>
          <cell r="E91">
            <v>1456</v>
          </cell>
          <cell r="F91" t="str">
            <v>89-4</v>
          </cell>
          <cell r="G91">
            <v>33</v>
          </cell>
          <cell r="J91">
            <v>100480</v>
          </cell>
          <cell r="N91">
            <v>11</v>
          </cell>
          <cell r="O91">
            <v>1</v>
          </cell>
        </row>
        <row r="92">
          <cell r="C92">
            <v>30900</v>
          </cell>
          <cell r="D92" t="str">
            <v>MS-C入門</v>
          </cell>
          <cell r="E92">
            <v>2524</v>
          </cell>
          <cell r="F92" t="str">
            <v>90-0</v>
          </cell>
          <cell r="G92">
            <v>33</v>
          </cell>
          <cell r="J92">
            <v>100490</v>
          </cell>
          <cell r="N92">
            <v>11</v>
          </cell>
          <cell r="O92">
            <v>1</v>
          </cell>
        </row>
        <row r="93">
          <cell r="C93">
            <v>30910</v>
          </cell>
          <cell r="D93" t="str">
            <v>PC GAME BOOK</v>
          </cell>
          <cell r="E93">
            <v>1456</v>
          </cell>
          <cell r="F93" t="str">
            <v>91-7</v>
          </cell>
          <cell r="G93">
            <v>33</v>
          </cell>
          <cell r="J93">
            <v>100500</v>
          </cell>
          <cell r="N93">
            <v>11</v>
          </cell>
          <cell r="O93">
            <v>1</v>
          </cell>
        </row>
        <row r="94">
          <cell r="C94">
            <v>30920</v>
          </cell>
          <cell r="D94" t="str">
            <v>PC-PAGE 22 パソコンのお医者さん</v>
          </cell>
          <cell r="E94">
            <v>1456</v>
          </cell>
          <cell r="F94" t="str">
            <v>92-4</v>
          </cell>
          <cell r="G94">
            <v>33</v>
          </cell>
          <cell r="J94">
            <v>100540</v>
          </cell>
          <cell r="K94">
            <v>0</v>
          </cell>
          <cell r="L94">
            <v>0</v>
          </cell>
          <cell r="N94">
            <v>11</v>
          </cell>
          <cell r="O94">
            <v>1</v>
          </cell>
        </row>
        <row r="95">
          <cell r="C95">
            <v>30930</v>
          </cell>
          <cell r="D95" t="str">
            <v>PC-PAGE 23 ハードディスクの達人</v>
          </cell>
          <cell r="E95">
            <v>1456</v>
          </cell>
          <cell r="F95" t="str">
            <v>93-1</v>
          </cell>
          <cell r="G95">
            <v>33</v>
          </cell>
          <cell r="J95">
            <v>100610</v>
          </cell>
          <cell r="L95">
            <v>0</v>
          </cell>
          <cell r="N95">
            <v>11</v>
          </cell>
          <cell r="O95">
            <v>1</v>
          </cell>
        </row>
        <row r="96">
          <cell r="C96">
            <v>30940</v>
          </cell>
          <cell r="D96" t="str">
            <v>AXマガジン Vol.1</v>
          </cell>
          <cell r="E96">
            <v>680</v>
          </cell>
          <cell r="F96" t="str">
            <v>94-8</v>
          </cell>
          <cell r="G96">
            <v>33</v>
          </cell>
          <cell r="J96">
            <v>100710</v>
          </cell>
          <cell r="K96">
            <v>0</v>
          </cell>
          <cell r="L96">
            <v>0</v>
          </cell>
          <cell r="N96">
            <v>11</v>
          </cell>
          <cell r="O96">
            <v>1</v>
          </cell>
        </row>
        <row r="97">
          <cell r="C97">
            <v>30950</v>
          </cell>
          <cell r="D97" t="str">
            <v>PC-PAGE 25 テキストデータ料理学</v>
          </cell>
          <cell r="E97">
            <v>1456</v>
          </cell>
          <cell r="F97" t="str">
            <v>95-5</v>
          </cell>
          <cell r="G97">
            <v>33</v>
          </cell>
          <cell r="J97">
            <v>100730</v>
          </cell>
          <cell r="K97">
            <v>0</v>
          </cell>
          <cell r="L97">
            <v>0</v>
          </cell>
          <cell r="N97">
            <v>11</v>
          </cell>
          <cell r="O97">
            <v>1</v>
          </cell>
        </row>
        <row r="98">
          <cell r="C98">
            <v>30960</v>
          </cell>
          <cell r="D98" t="str">
            <v>AXマガジン Vol.2</v>
          </cell>
          <cell r="E98">
            <v>680</v>
          </cell>
          <cell r="F98" t="str">
            <v>96-2</v>
          </cell>
          <cell r="G98">
            <v>33</v>
          </cell>
          <cell r="J98">
            <v>100740</v>
          </cell>
          <cell r="L98">
            <v>0</v>
          </cell>
          <cell r="N98">
            <v>11</v>
          </cell>
          <cell r="O98">
            <v>1</v>
          </cell>
        </row>
        <row r="99">
          <cell r="C99">
            <v>30970</v>
          </cell>
          <cell r="D99" t="str">
            <v>システム7ハンドブック</v>
          </cell>
          <cell r="E99">
            <v>1748</v>
          </cell>
          <cell r="F99" t="str">
            <v>97-9</v>
          </cell>
          <cell r="G99">
            <v>33</v>
          </cell>
          <cell r="J99">
            <v>100750</v>
          </cell>
          <cell r="N99">
            <v>11</v>
          </cell>
          <cell r="O99">
            <v>1</v>
          </cell>
        </row>
        <row r="100">
          <cell r="C100">
            <v>30980</v>
          </cell>
          <cell r="D100" t="str">
            <v>PC-PAGE 26 Mac派DTP倶楽部</v>
          </cell>
          <cell r="E100">
            <v>1553</v>
          </cell>
          <cell r="F100" t="str">
            <v>98-6</v>
          </cell>
          <cell r="G100">
            <v>33</v>
          </cell>
          <cell r="J100">
            <v>100760</v>
          </cell>
          <cell r="N100">
            <v>33</v>
          </cell>
          <cell r="O100">
            <v>1</v>
          </cell>
        </row>
        <row r="101">
          <cell r="C101">
            <v>30990</v>
          </cell>
          <cell r="D101" t="str">
            <v>MS-Wordマクロ入門</v>
          </cell>
          <cell r="E101">
            <v>2718</v>
          </cell>
          <cell r="F101" t="str">
            <v>99-3</v>
          </cell>
          <cell r="G101">
            <v>33</v>
          </cell>
          <cell r="J101">
            <v>100770</v>
          </cell>
          <cell r="N101">
            <v>11</v>
          </cell>
          <cell r="O101">
            <v>1</v>
          </cell>
        </row>
        <row r="102">
          <cell r="C102">
            <v>50001</v>
          </cell>
          <cell r="D102" t="str">
            <v>トランテック 2000年1月号</v>
          </cell>
          <cell r="E102">
            <v>1314</v>
          </cell>
          <cell r="J102">
            <v>100790</v>
          </cell>
          <cell r="N102">
            <v>11</v>
          </cell>
          <cell r="O102">
            <v>1</v>
          </cell>
        </row>
        <row r="103">
          <cell r="C103">
            <v>50002</v>
          </cell>
          <cell r="D103" t="str">
            <v>トランテック 2000年2月号</v>
          </cell>
          <cell r="E103">
            <v>1314</v>
          </cell>
          <cell r="J103">
            <v>100820</v>
          </cell>
          <cell r="N103">
            <v>33</v>
          </cell>
          <cell r="O103">
            <v>1</v>
          </cell>
        </row>
        <row r="104">
          <cell r="C104">
            <v>50003</v>
          </cell>
          <cell r="D104" t="str">
            <v>トランテック 2000年3月号</v>
          </cell>
          <cell r="E104">
            <v>1314</v>
          </cell>
          <cell r="J104">
            <v>100830</v>
          </cell>
          <cell r="N104">
            <v>33</v>
          </cell>
          <cell r="O104">
            <v>1</v>
          </cell>
        </row>
        <row r="105">
          <cell r="C105">
            <v>50004</v>
          </cell>
          <cell r="D105" t="str">
            <v>トランテック 2000年4月号</v>
          </cell>
          <cell r="E105">
            <v>1314</v>
          </cell>
          <cell r="J105">
            <v>100840</v>
          </cell>
          <cell r="N105">
            <v>33</v>
          </cell>
          <cell r="O105">
            <v>1</v>
          </cell>
        </row>
        <row r="106">
          <cell r="C106">
            <v>50010</v>
          </cell>
          <cell r="D106" t="str">
            <v>WTERM+テキスト</v>
          </cell>
          <cell r="E106">
            <v>2427</v>
          </cell>
          <cell r="F106" t="str">
            <v>001-0</v>
          </cell>
          <cell r="G106">
            <v>33</v>
          </cell>
          <cell r="J106">
            <v>100850</v>
          </cell>
          <cell r="N106">
            <v>11</v>
          </cell>
          <cell r="O106">
            <v>1</v>
          </cell>
        </row>
        <row r="107">
          <cell r="C107">
            <v>50020</v>
          </cell>
          <cell r="D107" t="str">
            <v>PC-PAGE 27 フリーソフトウェア･ゲーム派宣言</v>
          </cell>
          <cell r="E107">
            <v>1553</v>
          </cell>
          <cell r="F107" t="str">
            <v>002-7</v>
          </cell>
          <cell r="G107">
            <v>33</v>
          </cell>
          <cell r="J107">
            <v>100860</v>
          </cell>
          <cell r="N107">
            <v>33</v>
          </cell>
          <cell r="O107">
            <v>1</v>
          </cell>
        </row>
        <row r="108">
          <cell r="C108">
            <v>50030</v>
          </cell>
          <cell r="D108" t="str">
            <v>エンサイクロペディアMacintosh</v>
          </cell>
          <cell r="E108">
            <v>4369</v>
          </cell>
          <cell r="F108" t="str">
            <v>003-4</v>
          </cell>
          <cell r="G108">
            <v>33</v>
          </cell>
          <cell r="J108">
            <v>100880</v>
          </cell>
          <cell r="N108">
            <v>11</v>
          </cell>
          <cell r="O108">
            <v>1</v>
          </cell>
        </row>
        <row r="109">
          <cell r="C109">
            <v>50040</v>
          </cell>
          <cell r="D109" t="str">
            <v>PC-PAGE 28 乱調電脳用語辞典</v>
          </cell>
          <cell r="E109">
            <v>1553</v>
          </cell>
          <cell r="F109" t="str">
            <v>004-1</v>
          </cell>
          <cell r="G109">
            <v>33</v>
          </cell>
          <cell r="J109">
            <v>100890</v>
          </cell>
          <cell r="N109">
            <v>11</v>
          </cell>
          <cell r="O109">
            <v>1</v>
          </cell>
        </row>
        <row r="110">
          <cell r="C110">
            <v>50050</v>
          </cell>
          <cell r="D110" t="str">
            <v>MS-DOSとアセンブラプログラミング(PRP合本1)</v>
          </cell>
          <cell r="E110">
            <v>1942</v>
          </cell>
          <cell r="F110" t="str">
            <v>005-8</v>
          </cell>
          <cell r="G110">
            <v>33</v>
          </cell>
          <cell r="J110">
            <v>100900</v>
          </cell>
          <cell r="N110">
            <v>11</v>
          </cell>
          <cell r="O110">
            <v>1</v>
          </cell>
        </row>
        <row r="111">
          <cell r="C111">
            <v>50060</v>
          </cell>
          <cell r="D111" t="str">
            <v>C言語とその周辺(PRP合本2)</v>
          </cell>
          <cell r="E111">
            <v>1942</v>
          </cell>
          <cell r="F111" t="str">
            <v>006-5</v>
          </cell>
          <cell r="G111">
            <v>33</v>
          </cell>
          <cell r="J111">
            <v>100930</v>
          </cell>
          <cell r="N111">
            <v>11</v>
          </cell>
          <cell r="O111">
            <v>1</v>
          </cell>
        </row>
        <row r="112">
          <cell r="C112">
            <v>50070</v>
          </cell>
          <cell r="D112" t="str">
            <v>PageMaker4.0Jハンドブック</v>
          </cell>
          <cell r="E112">
            <v>1553</v>
          </cell>
          <cell r="F112" t="str">
            <v>007-2</v>
          </cell>
          <cell r="G112">
            <v>33</v>
          </cell>
          <cell r="J112">
            <v>100980</v>
          </cell>
          <cell r="N112">
            <v>33</v>
          </cell>
          <cell r="O112">
            <v>1</v>
          </cell>
        </row>
        <row r="113">
          <cell r="C113">
            <v>50080</v>
          </cell>
          <cell r="D113" t="str">
            <v>PC-PAGE 29 メモリ増設しませんか</v>
          </cell>
          <cell r="E113">
            <v>1553</v>
          </cell>
          <cell r="F113" t="str">
            <v>008-9</v>
          </cell>
          <cell r="G113">
            <v>33</v>
          </cell>
          <cell r="J113">
            <v>100990</v>
          </cell>
          <cell r="N113">
            <v>11</v>
          </cell>
          <cell r="O113">
            <v>1</v>
          </cell>
        </row>
        <row r="114">
          <cell r="C114">
            <v>50090</v>
          </cell>
          <cell r="D114" t="str">
            <v>ウインドウズプログラミング(PRP合本3)</v>
          </cell>
          <cell r="E114">
            <v>1942</v>
          </cell>
          <cell r="F114" t="str">
            <v>009-6</v>
          </cell>
          <cell r="G114">
            <v>33</v>
          </cell>
          <cell r="J114">
            <v>101010</v>
          </cell>
          <cell r="K114" t="str">
            <v>C</v>
          </cell>
          <cell r="L114">
            <v>0</v>
          </cell>
          <cell r="N114">
            <v>33</v>
          </cell>
          <cell r="O114">
            <v>0</v>
          </cell>
        </row>
        <row r="115">
          <cell r="C115">
            <v>50100</v>
          </cell>
          <cell r="D115" t="str">
            <v>プログラミング読本(PRP合本4)</v>
          </cell>
          <cell r="E115">
            <v>1942</v>
          </cell>
          <cell r="F115" t="str">
            <v>010-2</v>
          </cell>
          <cell r="G115">
            <v>33</v>
          </cell>
          <cell r="J115">
            <v>101020</v>
          </cell>
          <cell r="N115">
            <v>11</v>
          </cell>
          <cell r="O115">
            <v>1</v>
          </cell>
        </row>
        <row r="116">
          <cell r="C116">
            <v>50110</v>
          </cell>
          <cell r="D116" t="str">
            <v>PC-PAGE 30 フリーソフトウェア･ゲーム派宣言Ver.2</v>
          </cell>
          <cell r="E116">
            <v>1553</v>
          </cell>
          <cell r="F116" t="str">
            <v>011-9</v>
          </cell>
          <cell r="G116">
            <v>33</v>
          </cell>
          <cell r="J116">
            <v>101030</v>
          </cell>
          <cell r="K116" t="str">
            <v>A</v>
          </cell>
          <cell r="L116" t="str">
            <v>C</v>
          </cell>
          <cell r="N116">
            <v>11</v>
          </cell>
          <cell r="O116">
            <v>2</v>
          </cell>
        </row>
        <row r="117">
          <cell r="C117">
            <v>50120</v>
          </cell>
          <cell r="D117" t="str">
            <v>Flight Simulator4.0トレーニングブック</v>
          </cell>
          <cell r="E117">
            <v>1553</v>
          </cell>
          <cell r="F117" t="str">
            <v>012-6</v>
          </cell>
          <cell r="G117">
            <v>33</v>
          </cell>
          <cell r="J117">
            <v>101040</v>
          </cell>
          <cell r="N117">
            <v>11</v>
          </cell>
          <cell r="O117">
            <v>1</v>
          </cell>
        </row>
        <row r="118">
          <cell r="C118">
            <v>50130</v>
          </cell>
          <cell r="D118" t="str">
            <v>Macの宝箱 1 ゲームコレクション 1</v>
          </cell>
          <cell r="E118">
            <v>3107</v>
          </cell>
          <cell r="F118" t="str">
            <v>013-3</v>
          </cell>
          <cell r="G118">
            <v>33</v>
          </cell>
          <cell r="J118">
            <v>101050</v>
          </cell>
          <cell r="N118">
            <v>11</v>
          </cell>
          <cell r="O118">
            <v>1</v>
          </cell>
        </row>
        <row r="119">
          <cell r="C119">
            <v>50140</v>
          </cell>
          <cell r="D119" t="str">
            <v>Macの宝箱 2 ユーティリティコレクション 1</v>
          </cell>
          <cell r="E119">
            <v>3495</v>
          </cell>
          <cell r="F119" t="str">
            <v>014-0</v>
          </cell>
          <cell r="G119">
            <v>33</v>
          </cell>
          <cell r="J119">
            <v>101060</v>
          </cell>
          <cell r="N119">
            <v>11</v>
          </cell>
          <cell r="O119">
            <v>1</v>
          </cell>
        </row>
        <row r="120">
          <cell r="C120">
            <v>50150</v>
          </cell>
          <cell r="D120" t="str">
            <v>フライトシミュレータ操作ガイド NECPC98版</v>
          </cell>
          <cell r="E120">
            <v>1553</v>
          </cell>
          <cell r="F120" t="str">
            <v>015-7</v>
          </cell>
          <cell r="G120">
            <v>33</v>
          </cell>
          <cell r="J120">
            <v>101070</v>
          </cell>
          <cell r="N120">
            <v>11</v>
          </cell>
          <cell r="O120">
            <v>1</v>
          </cell>
        </row>
        <row r="121">
          <cell r="C121">
            <v>50160</v>
          </cell>
          <cell r="D121" t="str">
            <v>PC-PAGE 31 その後のパソコン見栄講座</v>
          </cell>
          <cell r="E121">
            <v>1553</v>
          </cell>
          <cell r="F121" t="str">
            <v>016-4</v>
          </cell>
          <cell r="G121">
            <v>33</v>
          </cell>
          <cell r="J121">
            <v>101100</v>
          </cell>
          <cell r="K121">
            <v>0</v>
          </cell>
          <cell r="L121">
            <v>0</v>
          </cell>
          <cell r="N121">
            <v>11</v>
          </cell>
          <cell r="O121">
            <v>1</v>
          </cell>
        </row>
        <row r="122">
          <cell r="C122">
            <v>50170</v>
          </cell>
          <cell r="D122" t="str">
            <v>ビルゲイツ</v>
          </cell>
          <cell r="E122">
            <v>2718</v>
          </cell>
          <cell r="F122" t="str">
            <v>017-1</v>
          </cell>
          <cell r="G122">
            <v>33</v>
          </cell>
          <cell r="J122">
            <v>101110</v>
          </cell>
          <cell r="N122">
            <v>33</v>
          </cell>
          <cell r="O122">
            <v>1</v>
          </cell>
        </row>
        <row r="123">
          <cell r="C123">
            <v>50180</v>
          </cell>
          <cell r="D123" t="str">
            <v>Windows版 エクセル4.0最初に読む本</v>
          </cell>
          <cell r="E123">
            <v>1942</v>
          </cell>
          <cell r="F123" t="str">
            <v>018-8</v>
          </cell>
          <cell r="G123">
            <v>33</v>
          </cell>
          <cell r="J123">
            <v>101120</v>
          </cell>
          <cell r="N123">
            <v>11</v>
          </cell>
          <cell r="O123">
            <v>1</v>
          </cell>
        </row>
        <row r="124">
          <cell r="C124">
            <v>50190</v>
          </cell>
          <cell r="D124" t="str">
            <v>PC-PAGE 32 プログラミング自由学校</v>
          </cell>
          <cell r="E124">
            <v>1553</v>
          </cell>
          <cell r="F124" t="str">
            <v>019-5</v>
          </cell>
          <cell r="G124">
            <v>33</v>
          </cell>
          <cell r="J124">
            <v>101130</v>
          </cell>
          <cell r="L124">
            <v>0</v>
          </cell>
          <cell r="N124">
            <v>11</v>
          </cell>
          <cell r="O124">
            <v>1</v>
          </cell>
        </row>
        <row r="125">
          <cell r="C125">
            <v>50200</v>
          </cell>
          <cell r="D125" t="str">
            <v>Macの宝箱 3 System7コレクション</v>
          </cell>
          <cell r="E125">
            <v>3495</v>
          </cell>
          <cell r="F125" t="str">
            <v>020-1</v>
          </cell>
          <cell r="G125">
            <v>33</v>
          </cell>
          <cell r="J125">
            <v>101140</v>
          </cell>
          <cell r="N125">
            <v>11</v>
          </cell>
          <cell r="O125">
            <v>1</v>
          </cell>
        </row>
        <row r="126">
          <cell r="C126">
            <v>50210</v>
          </cell>
          <cell r="D126" t="str">
            <v>Excel4.0ハンドブック</v>
          </cell>
          <cell r="E126">
            <v>2136</v>
          </cell>
          <cell r="F126" t="str">
            <v>021-8</v>
          </cell>
          <cell r="G126">
            <v>33</v>
          </cell>
          <cell r="J126">
            <v>101180</v>
          </cell>
          <cell r="N126">
            <v>33</v>
          </cell>
          <cell r="O126">
            <v>1</v>
          </cell>
        </row>
        <row r="127">
          <cell r="C127">
            <v>50220</v>
          </cell>
          <cell r="D127" t="str">
            <v>漢字Talk7ハンドブック</v>
          </cell>
          <cell r="E127">
            <v>1748</v>
          </cell>
          <cell r="F127" t="str">
            <v>022-5</v>
          </cell>
          <cell r="G127">
            <v>33</v>
          </cell>
          <cell r="J127">
            <v>101210</v>
          </cell>
          <cell r="N127">
            <v>11</v>
          </cell>
          <cell r="O127">
            <v>1</v>
          </cell>
        </row>
        <row r="128">
          <cell r="C128">
            <v>50230</v>
          </cell>
          <cell r="D128" t="str">
            <v>Macの宝箱 4 ゲームコレクション 2</v>
          </cell>
          <cell r="E128">
            <v>3107</v>
          </cell>
          <cell r="F128" t="str">
            <v>023-2</v>
          </cell>
          <cell r="G128">
            <v>33</v>
          </cell>
          <cell r="J128">
            <v>101250</v>
          </cell>
          <cell r="N128">
            <v>11</v>
          </cell>
          <cell r="O128">
            <v>1</v>
          </cell>
        </row>
        <row r="129">
          <cell r="C129">
            <v>50240</v>
          </cell>
          <cell r="D129" t="str">
            <v>プログラム「遊」工房</v>
          </cell>
          <cell r="E129">
            <v>2330</v>
          </cell>
          <cell r="F129" t="str">
            <v>024-9</v>
          </cell>
          <cell r="G129">
            <v>33</v>
          </cell>
          <cell r="J129">
            <v>101260</v>
          </cell>
          <cell r="N129">
            <v>11</v>
          </cell>
          <cell r="O129">
            <v>1</v>
          </cell>
        </row>
        <row r="130">
          <cell r="C130">
            <v>50250</v>
          </cell>
          <cell r="D130" t="str">
            <v>Macの宝箱 5 グラフィック＆サウンドツール</v>
          </cell>
          <cell r="E130">
            <v>3495</v>
          </cell>
          <cell r="F130" t="str">
            <v>025-6</v>
          </cell>
          <cell r="G130">
            <v>33</v>
          </cell>
          <cell r="J130">
            <v>101290</v>
          </cell>
          <cell r="N130">
            <v>11</v>
          </cell>
          <cell r="O130">
            <v>1</v>
          </cell>
        </row>
        <row r="131">
          <cell r="C131">
            <v>50260</v>
          </cell>
          <cell r="D131" t="str">
            <v>EG Word5.0ハンドブック</v>
          </cell>
          <cell r="E131">
            <v>1942</v>
          </cell>
          <cell r="F131" t="str">
            <v>026-3</v>
          </cell>
          <cell r="G131">
            <v>33</v>
          </cell>
          <cell r="J131">
            <v>101300</v>
          </cell>
          <cell r="N131">
            <v>11</v>
          </cell>
          <cell r="O131">
            <v>1</v>
          </cell>
        </row>
        <row r="132">
          <cell r="C132">
            <v>50270</v>
          </cell>
          <cell r="D132" t="str">
            <v>Hyper Card2.1ハンドブック</v>
          </cell>
          <cell r="E132">
            <v>1748</v>
          </cell>
          <cell r="F132" t="str">
            <v>027-0</v>
          </cell>
          <cell r="G132">
            <v>33</v>
          </cell>
          <cell r="J132">
            <v>101320</v>
          </cell>
          <cell r="K132" t="str">
            <v>C</v>
          </cell>
          <cell r="L132">
            <v>0</v>
          </cell>
          <cell r="N132">
            <v>11</v>
          </cell>
          <cell r="O132">
            <v>1</v>
          </cell>
        </row>
        <row r="133">
          <cell r="C133">
            <v>50280</v>
          </cell>
          <cell r="D133" t="str">
            <v>PC-PAGE PC98全生活の知恵</v>
          </cell>
          <cell r="E133">
            <v>2718</v>
          </cell>
          <cell r="F133" t="str">
            <v>028-7</v>
          </cell>
          <cell r="G133">
            <v>33</v>
          </cell>
          <cell r="J133">
            <v>101330</v>
          </cell>
          <cell r="N133">
            <v>11</v>
          </cell>
          <cell r="O133">
            <v>1</v>
          </cell>
        </row>
        <row r="134">
          <cell r="C134">
            <v>50290</v>
          </cell>
          <cell r="D134" t="str">
            <v>Macの宝箱 6 フォントコレクション</v>
          </cell>
          <cell r="E134">
            <v>3107</v>
          </cell>
          <cell r="F134" t="str">
            <v>029-4</v>
          </cell>
          <cell r="G134">
            <v>33</v>
          </cell>
          <cell r="J134">
            <v>101350</v>
          </cell>
          <cell r="N134">
            <v>11</v>
          </cell>
          <cell r="O134">
            <v>1</v>
          </cell>
        </row>
        <row r="135">
          <cell r="C135">
            <v>50300</v>
          </cell>
          <cell r="D135" t="str">
            <v>今夜わかる MS-DOS 改訂版</v>
          </cell>
          <cell r="E135">
            <v>1165</v>
          </cell>
          <cell r="F135" t="str">
            <v>030-0</v>
          </cell>
          <cell r="G135">
            <v>33</v>
          </cell>
          <cell r="J135">
            <v>101360</v>
          </cell>
          <cell r="N135">
            <v>11</v>
          </cell>
          <cell r="O135">
            <v>1</v>
          </cell>
        </row>
        <row r="136">
          <cell r="C136">
            <v>50310</v>
          </cell>
          <cell r="D136" t="str">
            <v>Macの宝箱 7 ユーティリティコレクション 2</v>
          </cell>
          <cell r="E136">
            <v>3107</v>
          </cell>
          <cell r="F136" t="str">
            <v>031-7</v>
          </cell>
          <cell r="G136">
            <v>33</v>
          </cell>
          <cell r="J136">
            <v>101380</v>
          </cell>
          <cell r="N136">
            <v>11</v>
          </cell>
          <cell r="O136">
            <v>1</v>
          </cell>
        </row>
        <row r="137">
          <cell r="C137">
            <v>50320</v>
          </cell>
          <cell r="D137" t="str">
            <v>Macintosh日本語入力方法論序説</v>
          </cell>
          <cell r="E137">
            <v>1748</v>
          </cell>
          <cell r="F137" t="str">
            <v>032-4</v>
          </cell>
          <cell r="G137">
            <v>33</v>
          </cell>
          <cell r="J137">
            <v>101390</v>
          </cell>
          <cell r="N137">
            <v>11</v>
          </cell>
          <cell r="O137">
            <v>1</v>
          </cell>
        </row>
        <row r="138">
          <cell r="C138">
            <v>50330</v>
          </cell>
          <cell r="D138" t="str">
            <v>After Dark面白改造講座</v>
          </cell>
          <cell r="E138">
            <v>2524</v>
          </cell>
          <cell r="F138" t="str">
            <v>033-1</v>
          </cell>
          <cell r="G138">
            <v>33</v>
          </cell>
          <cell r="J138">
            <v>101410</v>
          </cell>
          <cell r="K138" t="str">
            <v>C</v>
          </cell>
          <cell r="N138">
            <v>11</v>
          </cell>
          <cell r="O138">
            <v>1</v>
          </cell>
        </row>
        <row r="139">
          <cell r="C139">
            <v>50340</v>
          </cell>
          <cell r="D139" t="str">
            <v>DOS/Vプログラミング技法</v>
          </cell>
          <cell r="E139">
            <v>2718</v>
          </cell>
          <cell r="F139" t="str">
            <v>034-8</v>
          </cell>
          <cell r="G139">
            <v>33</v>
          </cell>
          <cell r="J139">
            <v>101420</v>
          </cell>
          <cell r="N139">
            <v>11</v>
          </cell>
          <cell r="O139">
            <v>1</v>
          </cell>
        </row>
        <row r="140">
          <cell r="C140">
            <v>50350</v>
          </cell>
          <cell r="D140" t="str">
            <v>HyperTalkパワープログラミング</v>
          </cell>
          <cell r="E140">
            <v>3495</v>
          </cell>
          <cell r="F140" t="str">
            <v>035-5</v>
          </cell>
          <cell r="G140">
            <v>33</v>
          </cell>
          <cell r="J140">
            <v>101430</v>
          </cell>
          <cell r="N140">
            <v>33</v>
          </cell>
          <cell r="O140">
            <v>1</v>
          </cell>
        </row>
        <row r="141">
          <cell r="C141">
            <v>50360</v>
          </cell>
          <cell r="D141" t="str">
            <v>PC-PAGE 33 マッキントッシュスクラップブック</v>
          </cell>
          <cell r="E141">
            <v>1553</v>
          </cell>
          <cell r="F141" t="str">
            <v>036-2</v>
          </cell>
          <cell r="G141">
            <v>33</v>
          </cell>
          <cell r="J141">
            <v>101440</v>
          </cell>
          <cell r="N141">
            <v>11</v>
          </cell>
          <cell r="O141">
            <v>1</v>
          </cell>
        </row>
        <row r="142">
          <cell r="C142">
            <v>50370</v>
          </cell>
          <cell r="D142" t="str">
            <v>どすこい!一太郎練習帳</v>
          </cell>
          <cell r="E142">
            <v>1748</v>
          </cell>
          <cell r="F142" t="str">
            <v>037-9</v>
          </cell>
          <cell r="G142">
            <v>33</v>
          </cell>
          <cell r="J142">
            <v>101450</v>
          </cell>
          <cell r="L142">
            <v>0</v>
          </cell>
          <cell r="N142">
            <v>11</v>
          </cell>
          <cell r="O142">
            <v>1</v>
          </cell>
        </row>
        <row r="143">
          <cell r="C143">
            <v>50380</v>
          </cell>
          <cell r="D143" t="str">
            <v>Windows API バイブル 1</v>
          </cell>
          <cell r="E143">
            <v>11650</v>
          </cell>
          <cell r="F143" t="str">
            <v>038-6</v>
          </cell>
          <cell r="G143">
            <v>33</v>
          </cell>
          <cell r="J143">
            <v>101460</v>
          </cell>
          <cell r="K143" t="str">
            <v>C</v>
          </cell>
          <cell r="L143">
            <v>0</v>
          </cell>
          <cell r="N143">
            <v>21</v>
          </cell>
          <cell r="O143">
            <v>1</v>
          </cell>
        </row>
        <row r="144">
          <cell r="C144">
            <v>50390</v>
          </cell>
          <cell r="D144" t="str">
            <v>PC-PAGE 放課後のCプログラミング</v>
          </cell>
          <cell r="E144">
            <v>1748</v>
          </cell>
          <cell r="F144" t="str">
            <v>039-3</v>
          </cell>
          <cell r="G144">
            <v>33</v>
          </cell>
          <cell r="J144">
            <v>101490</v>
          </cell>
          <cell r="L144">
            <v>0</v>
          </cell>
          <cell r="N144">
            <v>11</v>
          </cell>
          <cell r="O144">
            <v>1</v>
          </cell>
        </row>
        <row r="145">
          <cell r="C145">
            <v>50400</v>
          </cell>
          <cell r="D145" t="str">
            <v>ワープロ一太郎を使う</v>
          </cell>
          <cell r="E145">
            <v>2718</v>
          </cell>
          <cell r="F145" t="str">
            <v>040-9</v>
          </cell>
          <cell r="G145">
            <v>33</v>
          </cell>
          <cell r="J145">
            <v>101500</v>
          </cell>
          <cell r="N145">
            <v>11</v>
          </cell>
          <cell r="O145">
            <v>1</v>
          </cell>
        </row>
        <row r="146">
          <cell r="C146">
            <v>50410</v>
          </cell>
          <cell r="D146" t="str">
            <v>さいしょのマック</v>
          </cell>
          <cell r="E146">
            <v>1553</v>
          </cell>
          <cell r="F146" t="str">
            <v>041-6</v>
          </cell>
          <cell r="G146">
            <v>33</v>
          </cell>
          <cell r="J146">
            <v>101510</v>
          </cell>
          <cell r="K146">
            <v>0</v>
          </cell>
          <cell r="L146">
            <v>0</v>
          </cell>
          <cell r="N146">
            <v>11</v>
          </cell>
          <cell r="O146">
            <v>1</v>
          </cell>
        </row>
        <row r="147">
          <cell r="C147">
            <v>50420</v>
          </cell>
          <cell r="D147" t="str">
            <v>SDK 1 プログラマーズリファレンスVol.1</v>
          </cell>
          <cell r="E147">
            <v>3883</v>
          </cell>
          <cell r="F147" t="str">
            <v>042-3</v>
          </cell>
          <cell r="G147">
            <v>33</v>
          </cell>
          <cell r="J147">
            <v>101520</v>
          </cell>
          <cell r="K147">
            <v>0</v>
          </cell>
          <cell r="L147">
            <v>0</v>
          </cell>
          <cell r="N147">
            <v>11</v>
          </cell>
          <cell r="O147">
            <v>1</v>
          </cell>
        </row>
        <row r="148">
          <cell r="C148">
            <v>50430</v>
          </cell>
          <cell r="D148" t="str">
            <v>SDK 2 プログラマーズリファレンスVol.2</v>
          </cell>
          <cell r="E148">
            <v>6796</v>
          </cell>
          <cell r="F148" t="str">
            <v>043-0</v>
          </cell>
          <cell r="G148">
            <v>33</v>
          </cell>
          <cell r="J148">
            <v>101530</v>
          </cell>
          <cell r="M148">
            <v>0</v>
          </cell>
          <cell r="N148">
            <v>11</v>
          </cell>
          <cell r="O148">
            <v>1</v>
          </cell>
        </row>
        <row r="149">
          <cell r="C149">
            <v>50440</v>
          </cell>
          <cell r="D149" t="str">
            <v>SDK 3 プログラマーズリファレンスVol.3</v>
          </cell>
          <cell r="E149">
            <v>4854</v>
          </cell>
          <cell r="F149" t="str">
            <v>044-7</v>
          </cell>
          <cell r="G149">
            <v>33</v>
          </cell>
          <cell r="J149">
            <v>101540</v>
          </cell>
          <cell r="N149">
            <v>11</v>
          </cell>
          <cell r="O149">
            <v>1</v>
          </cell>
        </row>
        <row r="150">
          <cell r="C150">
            <v>50450</v>
          </cell>
          <cell r="D150" t="str">
            <v>SDK 4 プログラマーズリファレンスVol.4</v>
          </cell>
          <cell r="E150">
            <v>3592</v>
          </cell>
          <cell r="F150" t="str">
            <v>045-4</v>
          </cell>
          <cell r="G150">
            <v>33</v>
          </cell>
          <cell r="J150">
            <v>101550</v>
          </cell>
          <cell r="N150">
            <v>11</v>
          </cell>
          <cell r="O150">
            <v>1</v>
          </cell>
        </row>
        <row r="151">
          <cell r="C151">
            <v>50460</v>
          </cell>
          <cell r="D151" t="str">
            <v>SDK 5 プログラミングガイド</v>
          </cell>
          <cell r="E151">
            <v>4854</v>
          </cell>
          <cell r="F151" t="str">
            <v>046-1</v>
          </cell>
          <cell r="G151">
            <v>33</v>
          </cell>
          <cell r="J151">
            <v>101560</v>
          </cell>
          <cell r="K151">
            <v>0</v>
          </cell>
          <cell r="L151">
            <v>0</v>
          </cell>
          <cell r="N151">
            <v>11</v>
          </cell>
          <cell r="O151">
            <v>1</v>
          </cell>
        </row>
        <row r="152">
          <cell r="C152">
            <v>50470</v>
          </cell>
          <cell r="D152" t="str">
            <v>SDK 6 マルチメディアプログラマーズガイド</v>
          </cell>
          <cell r="E152">
            <v>2913</v>
          </cell>
          <cell r="F152" t="str">
            <v>047-8</v>
          </cell>
          <cell r="G152">
            <v>33</v>
          </cell>
          <cell r="J152">
            <v>101590</v>
          </cell>
          <cell r="K152">
            <v>0</v>
          </cell>
          <cell r="L152">
            <v>0</v>
          </cell>
          <cell r="N152">
            <v>11</v>
          </cell>
          <cell r="O152">
            <v>2</v>
          </cell>
        </row>
        <row r="153">
          <cell r="C153">
            <v>50480</v>
          </cell>
          <cell r="D153" t="str">
            <v>SDK 7 マルチメディアプログラマーズリファレンス</v>
          </cell>
          <cell r="E153">
            <v>5146</v>
          </cell>
          <cell r="F153" t="str">
            <v>048-5</v>
          </cell>
          <cell r="G153">
            <v>33</v>
          </cell>
          <cell r="J153">
            <v>101620</v>
          </cell>
          <cell r="N153">
            <v>11</v>
          </cell>
          <cell r="O153">
            <v>1</v>
          </cell>
        </row>
        <row r="154">
          <cell r="C154">
            <v>50490</v>
          </cell>
          <cell r="D154" t="str">
            <v>SDK 8 インターフェイスアプリケーションデザインガイド</v>
          </cell>
          <cell r="E154">
            <v>1942</v>
          </cell>
          <cell r="F154" t="str">
            <v>049-2</v>
          </cell>
          <cell r="G154">
            <v>33</v>
          </cell>
          <cell r="J154">
            <v>101640</v>
          </cell>
          <cell r="N154">
            <v>11</v>
          </cell>
          <cell r="O154">
            <v>1</v>
          </cell>
        </row>
        <row r="155">
          <cell r="C155">
            <v>50500</v>
          </cell>
          <cell r="D155" t="str">
            <v>にこっ!</v>
          </cell>
          <cell r="E155">
            <v>563</v>
          </cell>
          <cell r="F155" t="str">
            <v>050-8</v>
          </cell>
          <cell r="G155">
            <v>33</v>
          </cell>
          <cell r="J155">
            <v>101660</v>
          </cell>
          <cell r="N155">
            <v>11</v>
          </cell>
          <cell r="O155">
            <v>1</v>
          </cell>
        </row>
        <row r="156">
          <cell r="C156">
            <v>50510</v>
          </cell>
          <cell r="D156" t="str">
            <v>Macの宝箱 8 ゲームコレクション 3</v>
          </cell>
          <cell r="E156">
            <v>2718</v>
          </cell>
          <cell r="F156" t="str">
            <v>051-5</v>
          </cell>
          <cell r="G156">
            <v>33</v>
          </cell>
          <cell r="J156">
            <v>101670</v>
          </cell>
          <cell r="N156">
            <v>11</v>
          </cell>
          <cell r="O156">
            <v>1</v>
          </cell>
        </row>
        <row r="157">
          <cell r="C157">
            <v>50520</v>
          </cell>
          <cell r="D157" t="str">
            <v>Voodoo Mac</v>
          </cell>
          <cell r="E157">
            <v>2524</v>
          </cell>
          <cell r="F157" t="str">
            <v>052-2</v>
          </cell>
          <cell r="G157">
            <v>33</v>
          </cell>
          <cell r="J157">
            <v>101680</v>
          </cell>
          <cell r="N157">
            <v>11</v>
          </cell>
          <cell r="O157">
            <v>1</v>
          </cell>
        </row>
        <row r="158">
          <cell r="C158">
            <v>50530</v>
          </cell>
          <cell r="D158" t="str">
            <v>Windows版 Word5.0最初に読む本</v>
          </cell>
          <cell r="E158">
            <v>1456</v>
          </cell>
          <cell r="F158" t="str">
            <v>053-9</v>
          </cell>
          <cell r="G158">
            <v>33</v>
          </cell>
          <cell r="J158">
            <v>101690</v>
          </cell>
          <cell r="N158">
            <v>11</v>
          </cell>
          <cell r="O158">
            <v>1</v>
          </cell>
        </row>
        <row r="159">
          <cell r="C159">
            <v>50540</v>
          </cell>
          <cell r="D159" t="str">
            <v>PC-PAGE DOS/V全コマンド解説</v>
          </cell>
          <cell r="E159">
            <v>1748</v>
          </cell>
          <cell r="F159" t="str">
            <v>054-6</v>
          </cell>
          <cell r="G159">
            <v>33</v>
          </cell>
          <cell r="J159">
            <v>101710</v>
          </cell>
          <cell r="N159">
            <v>11</v>
          </cell>
          <cell r="O159">
            <v>1</v>
          </cell>
        </row>
        <row r="160">
          <cell r="C160">
            <v>50550</v>
          </cell>
          <cell r="D160" t="str">
            <v>98活用アセンブラスーパー技法</v>
          </cell>
          <cell r="E160">
            <v>3107</v>
          </cell>
          <cell r="F160" t="str">
            <v>055-3</v>
          </cell>
          <cell r="G160">
            <v>33</v>
          </cell>
          <cell r="J160">
            <v>101720</v>
          </cell>
          <cell r="N160">
            <v>21</v>
          </cell>
          <cell r="O160">
            <v>1</v>
          </cell>
        </row>
        <row r="161">
          <cell r="C161">
            <v>50560</v>
          </cell>
          <cell r="D161" t="str">
            <v>VisualBasicではじめるWindowsプログラミング</v>
          </cell>
          <cell r="E161">
            <v>3107</v>
          </cell>
          <cell r="F161" t="str">
            <v>056-0</v>
          </cell>
          <cell r="G161">
            <v>33</v>
          </cell>
          <cell r="J161">
            <v>101730</v>
          </cell>
          <cell r="N161">
            <v>11</v>
          </cell>
          <cell r="O161">
            <v>1</v>
          </cell>
        </row>
        <row r="162">
          <cell r="C162">
            <v>50570</v>
          </cell>
          <cell r="D162" t="str">
            <v>PC-PAGE Windows3.1 特別集中講義</v>
          </cell>
          <cell r="E162">
            <v>1553</v>
          </cell>
          <cell r="F162" t="str">
            <v>057-7</v>
          </cell>
          <cell r="G162">
            <v>33</v>
          </cell>
          <cell r="J162">
            <v>101750</v>
          </cell>
          <cell r="N162">
            <v>21</v>
          </cell>
          <cell r="O162">
            <v>1</v>
          </cell>
        </row>
        <row r="163">
          <cell r="C163">
            <v>50580</v>
          </cell>
          <cell r="D163" t="str">
            <v>Word for Windows5.0マクロ徹底解説</v>
          </cell>
          <cell r="E163">
            <v>3689</v>
          </cell>
          <cell r="F163" t="str">
            <v>058-4</v>
          </cell>
          <cell r="G163">
            <v>33</v>
          </cell>
          <cell r="J163">
            <v>101760</v>
          </cell>
          <cell r="N163">
            <v>33</v>
          </cell>
          <cell r="O163">
            <v>1</v>
          </cell>
        </row>
        <row r="164">
          <cell r="C164">
            <v>50590</v>
          </cell>
          <cell r="D164" t="str">
            <v>Winの宝箱 1 スーパー(傑)コレクション</v>
          </cell>
          <cell r="E164">
            <v>2718</v>
          </cell>
          <cell r="F164" t="str">
            <v>059-1</v>
          </cell>
          <cell r="G164">
            <v>33</v>
          </cell>
          <cell r="J164">
            <v>101780</v>
          </cell>
          <cell r="K164">
            <v>0</v>
          </cell>
          <cell r="L164">
            <v>0</v>
          </cell>
          <cell r="N164">
            <v>11</v>
          </cell>
          <cell r="O164">
            <v>1</v>
          </cell>
        </row>
        <row r="165">
          <cell r="C165">
            <v>50600</v>
          </cell>
          <cell r="D165" t="str">
            <v>PC-PAGE コモエスタアミーガ</v>
          </cell>
          <cell r="E165">
            <v>2330</v>
          </cell>
          <cell r="F165" t="str">
            <v>060-7</v>
          </cell>
          <cell r="G165">
            <v>33</v>
          </cell>
          <cell r="J165">
            <v>101810</v>
          </cell>
          <cell r="N165">
            <v>11</v>
          </cell>
          <cell r="O165">
            <v>1</v>
          </cell>
        </row>
        <row r="166">
          <cell r="C166">
            <v>50610</v>
          </cell>
          <cell r="D166" t="str">
            <v>MS-DOS5.0/Vプログラミングガイド</v>
          </cell>
          <cell r="E166">
            <v>3107</v>
          </cell>
          <cell r="F166" t="str">
            <v>061-4</v>
          </cell>
          <cell r="G166">
            <v>33</v>
          </cell>
          <cell r="J166">
            <v>101820</v>
          </cell>
          <cell r="N166">
            <v>11</v>
          </cell>
          <cell r="O166">
            <v>1</v>
          </cell>
        </row>
        <row r="167">
          <cell r="C167">
            <v>50620</v>
          </cell>
          <cell r="D167" t="str">
            <v>WTERMスーパーバージョン+ブック</v>
          </cell>
          <cell r="E167">
            <v>2427</v>
          </cell>
          <cell r="F167" t="str">
            <v>062-1</v>
          </cell>
          <cell r="G167">
            <v>33</v>
          </cell>
          <cell r="J167">
            <v>101830</v>
          </cell>
          <cell r="K167">
            <v>0</v>
          </cell>
          <cell r="L167">
            <v>0</v>
          </cell>
          <cell r="N167">
            <v>21</v>
          </cell>
          <cell r="O167">
            <v>1</v>
          </cell>
        </row>
        <row r="168">
          <cell r="C168">
            <v>50630</v>
          </cell>
          <cell r="D168" t="str">
            <v>Windows3.1プログラム開発技法</v>
          </cell>
          <cell r="E168">
            <v>6990</v>
          </cell>
          <cell r="F168" t="str">
            <v>063-8</v>
          </cell>
          <cell r="G168">
            <v>33</v>
          </cell>
          <cell r="J168">
            <v>101840</v>
          </cell>
          <cell r="N168">
            <v>11</v>
          </cell>
          <cell r="O168">
            <v>1</v>
          </cell>
        </row>
        <row r="169">
          <cell r="C169">
            <v>50640</v>
          </cell>
          <cell r="D169" t="str">
            <v>表計算1-2-3を使う</v>
          </cell>
          <cell r="E169">
            <v>2718</v>
          </cell>
          <cell r="F169" t="str">
            <v>064-5</v>
          </cell>
          <cell r="G169">
            <v>33</v>
          </cell>
          <cell r="J169">
            <v>101850</v>
          </cell>
          <cell r="N169">
            <v>11</v>
          </cell>
          <cell r="O169">
            <v>1</v>
          </cell>
        </row>
        <row r="170">
          <cell r="C170">
            <v>50650</v>
          </cell>
          <cell r="D170" t="str">
            <v>Macの宝箱 9 ゲームコレクション 4</v>
          </cell>
          <cell r="E170">
            <v>3107</v>
          </cell>
          <cell r="F170" t="str">
            <v>065-2</v>
          </cell>
          <cell r="G170">
            <v>33</v>
          </cell>
          <cell r="J170">
            <v>101860</v>
          </cell>
          <cell r="N170">
            <v>11</v>
          </cell>
          <cell r="O170">
            <v>1</v>
          </cell>
        </row>
        <row r="171">
          <cell r="C171">
            <v>50660</v>
          </cell>
          <cell r="D171" t="str">
            <v>AldusFreeHand3.1スーパーテクニック</v>
          </cell>
          <cell r="E171">
            <v>3398</v>
          </cell>
          <cell r="F171" t="str">
            <v>066-9</v>
          </cell>
          <cell r="G171">
            <v>33</v>
          </cell>
          <cell r="J171">
            <v>101880</v>
          </cell>
          <cell r="N171">
            <v>11</v>
          </cell>
          <cell r="O171">
            <v>1</v>
          </cell>
        </row>
        <row r="172">
          <cell r="C172">
            <v>50670</v>
          </cell>
          <cell r="D172" t="str">
            <v>MASMパワープログラミング</v>
          </cell>
          <cell r="E172">
            <v>3689</v>
          </cell>
          <cell r="F172" t="str">
            <v>067-6</v>
          </cell>
          <cell r="G172">
            <v>33</v>
          </cell>
          <cell r="J172">
            <v>101900</v>
          </cell>
          <cell r="N172">
            <v>11</v>
          </cell>
          <cell r="O172">
            <v>1</v>
          </cell>
        </row>
        <row r="173">
          <cell r="C173">
            <v>50680</v>
          </cell>
          <cell r="D173" t="str">
            <v>Voodoo Windows</v>
          </cell>
          <cell r="E173">
            <v>2524</v>
          </cell>
          <cell r="F173" t="str">
            <v>068-3</v>
          </cell>
          <cell r="G173">
            <v>33</v>
          </cell>
          <cell r="J173">
            <v>101910</v>
          </cell>
          <cell r="N173">
            <v>11</v>
          </cell>
          <cell r="O173">
            <v>1</v>
          </cell>
        </row>
        <row r="174">
          <cell r="C174">
            <v>50690</v>
          </cell>
          <cell r="D174" t="str">
            <v>Windows3.1最初に読む本</v>
          </cell>
          <cell r="E174">
            <v>1456</v>
          </cell>
          <cell r="F174" t="str">
            <v>069-0</v>
          </cell>
          <cell r="G174">
            <v>33</v>
          </cell>
          <cell r="J174">
            <v>101920</v>
          </cell>
          <cell r="K174">
            <v>0</v>
          </cell>
          <cell r="L174">
            <v>0</v>
          </cell>
          <cell r="N174">
            <v>11</v>
          </cell>
          <cell r="O174">
            <v>1</v>
          </cell>
        </row>
        <row r="175">
          <cell r="C175">
            <v>50700</v>
          </cell>
          <cell r="D175" t="str">
            <v>PC-PAGE Macintosh新グラフィック工房</v>
          </cell>
          <cell r="E175">
            <v>1748</v>
          </cell>
          <cell r="F175" t="str">
            <v>070-6</v>
          </cell>
          <cell r="G175">
            <v>33</v>
          </cell>
          <cell r="J175">
            <v>101930</v>
          </cell>
          <cell r="N175">
            <v>21</v>
          </cell>
          <cell r="O175">
            <v>1</v>
          </cell>
        </row>
        <row r="176">
          <cell r="C176">
            <v>50710</v>
          </cell>
          <cell r="D176" t="str">
            <v>Macの宝箱 10 宮下由紀子コレクション</v>
          </cell>
          <cell r="E176">
            <v>2330</v>
          </cell>
          <cell r="F176" t="str">
            <v>071-3</v>
          </cell>
          <cell r="G176">
            <v>33</v>
          </cell>
          <cell r="J176">
            <v>101940</v>
          </cell>
          <cell r="K176">
            <v>0</v>
          </cell>
          <cell r="L176">
            <v>0</v>
          </cell>
          <cell r="N176">
            <v>11</v>
          </cell>
          <cell r="O176">
            <v>1</v>
          </cell>
        </row>
        <row r="177">
          <cell r="C177">
            <v>50720</v>
          </cell>
          <cell r="D177" t="str">
            <v>コンパイラを作る方法</v>
          </cell>
          <cell r="E177">
            <v>3107</v>
          </cell>
          <cell r="F177" t="str">
            <v>072-0</v>
          </cell>
          <cell r="G177">
            <v>33</v>
          </cell>
          <cell r="J177">
            <v>101970</v>
          </cell>
          <cell r="N177">
            <v>11</v>
          </cell>
          <cell r="O177">
            <v>1</v>
          </cell>
        </row>
        <row r="178">
          <cell r="C178">
            <v>50730</v>
          </cell>
          <cell r="D178" t="str">
            <v>PC-PAGE Windows3.1 個人授業</v>
          </cell>
          <cell r="E178">
            <v>1456</v>
          </cell>
          <cell r="F178" t="str">
            <v>073-7</v>
          </cell>
          <cell r="G178">
            <v>33</v>
          </cell>
          <cell r="J178">
            <v>101980</v>
          </cell>
          <cell r="N178">
            <v>11</v>
          </cell>
          <cell r="O178">
            <v>1</v>
          </cell>
        </row>
        <row r="179">
          <cell r="C179">
            <v>50740</v>
          </cell>
          <cell r="D179" t="str">
            <v>AdobePhotoshop2.5ビギナーズブック</v>
          </cell>
          <cell r="E179">
            <v>3883</v>
          </cell>
          <cell r="F179" t="str">
            <v>074-4</v>
          </cell>
          <cell r="G179">
            <v>33</v>
          </cell>
          <cell r="J179">
            <v>102000</v>
          </cell>
          <cell r="N179">
            <v>11</v>
          </cell>
          <cell r="O179">
            <v>1</v>
          </cell>
        </row>
        <row r="180">
          <cell r="C180">
            <v>50750</v>
          </cell>
          <cell r="D180" t="str">
            <v>Winの宝箱 2 スーパーゲームコレクション 1</v>
          </cell>
          <cell r="E180">
            <v>2718</v>
          </cell>
          <cell r="F180" t="str">
            <v>075-1</v>
          </cell>
          <cell r="G180">
            <v>33</v>
          </cell>
          <cell r="J180">
            <v>102010</v>
          </cell>
          <cell r="N180">
            <v>11</v>
          </cell>
          <cell r="O180">
            <v>1</v>
          </cell>
        </row>
        <row r="181">
          <cell r="C181">
            <v>50760</v>
          </cell>
          <cell r="D181" t="str">
            <v>Macの宝箱 スペシャルセレクション 1</v>
          </cell>
          <cell r="E181">
            <v>7573</v>
          </cell>
          <cell r="F181" t="str">
            <v>076-8</v>
          </cell>
          <cell r="G181">
            <v>33</v>
          </cell>
          <cell r="J181">
            <v>102030</v>
          </cell>
          <cell r="K181" t="str">
            <v>B</v>
          </cell>
          <cell r="L181">
            <v>0</v>
          </cell>
          <cell r="N181">
            <v>11</v>
          </cell>
          <cell r="O181">
            <v>1</v>
          </cell>
        </row>
        <row r="182">
          <cell r="C182">
            <v>50770</v>
          </cell>
          <cell r="D182" t="str">
            <v>アイコンパラダイス</v>
          </cell>
          <cell r="E182">
            <v>2330</v>
          </cell>
          <cell r="F182" t="str">
            <v>077-5</v>
          </cell>
          <cell r="G182">
            <v>33</v>
          </cell>
          <cell r="J182">
            <v>102040</v>
          </cell>
          <cell r="K182">
            <v>0</v>
          </cell>
          <cell r="L182">
            <v>0</v>
          </cell>
          <cell r="N182">
            <v>11</v>
          </cell>
          <cell r="O182">
            <v>1</v>
          </cell>
        </row>
        <row r="183">
          <cell r="C183">
            <v>50780</v>
          </cell>
          <cell r="D183" t="str">
            <v>Voodoo DOS</v>
          </cell>
          <cell r="E183">
            <v>2524</v>
          </cell>
          <cell r="F183" t="str">
            <v>078-2</v>
          </cell>
          <cell r="G183">
            <v>33</v>
          </cell>
          <cell r="J183">
            <v>102050</v>
          </cell>
          <cell r="L183">
            <v>0</v>
          </cell>
          <cell r="N183">
            <v>33</v>
          </cell>
          <cell r="O183">
            <v>1</v>
          </cell>
        </row>
        <row r="184">
          <cell r="C184">
            <v>50790</v>
          </cell>
          <cell r="D184" t="str">
            <v>ダニー・グットマンのAppleScriptハンドブック</v>
          </cell>
          <cell r="E184">
            <v>4660</v>
          </cell>
          <cell r="F184" t="str">
            <v>079-9</v>
          </cell>
          <cell r="G184">
            <v>33</v>
          </cell>
          <cell r="J184">
            <v>102070</v>
          </cell>
          <cell r="N184">
            <v>11</v>
          </cell>
          <cell r="O184">
            <v>1</v>
          </cell>
        </row>
        <row r="185">
          <cell r="C185">
            <v>50800</v>
          </cell>
          <cell r="D185" t="str">
            <v>Macの宝箱 11 ビジネスアプリケーションコレクション</v>
          </cell>
          <cell r="E185">
            <v>2524</v>
          </cell>
          <cell r="F185" t="str">
            <v>080-5</v>
          </cell>
          <cell r="G185">
            <v>33</v>
          </cell>
          <cell r="J185">
            <v>102080</v>
          </cell>
          <cell r="N185">
            <v>11</v>
          </cell>
          <cell r="O185">
            <v>1</v>
          </cell>
        </row>
        <row r="186">
          <cell r="C186">
            <v>50820</v>
          </cell>
          <cell r="D186" t="str">
            <v>デファイング・グラビティ</v>
          </cell>
          <cell r="E186">
            <v>4078</v>
          </cell>
          <cell r="F186" t="str">
            <v>082-9</v>
          </cell>
          <cell r="G186">
            <v>33</v>
          </cell>
          <cell r="J186">
            <v>102100</v>
          </cell>
          <cell r="N186">
            <v>11</v>
          </cell>
          <cell r="O186">
            <v>1</v>
          </cell>
        </row>
        <row r="187">
          <cell r="C187">
            <v>50830</v>
          </cell>
          <cell r="D187" t="str">
            <v>Winの宝箱 3 スーパーゲームコレクション 2</v>
          </cell>
          <cell r="E187">
            <v>2718</v>
          </cell>
          <cell r="F187" t="str">
            <v>083-6</v>
          </cell>
          <cell r="G187">
            <v>33</v>
          </cell>
          <cell r="J187">
            <v>102110</v>
          </cell>
          <cell r="N187">
            <v>11</v>
          </cell>
          <cell r="O187">
            <v>1</v>
          </cell>
        </row>
        <row r="188">
          <cell r="C188">
            <v>50840</v>
          </cell>
          <cell r="D188" t="str">
            <v>Winの宝箱 4 スーパースーパーデスクトップコレクション I</v>
          </cell>
          <cell r="E188">
            <v>2718</v>
          </cell>
          <cell r="F188" t="str">
            <v>084-3</v>
          </cell>
          <cell r="G188">
            <v>33</v>
          </cell>
          <cell r="J188">
            <v>102120</v>
          </cell>
          <cell r="N188">
            <v>11</v>
          </cell>
          <cell r="O188">
            <v>1</v>
          </cell>
        </row>
        <row r="189">
          <cell r="C189">
            <v>50850</v>
          </cell>
          <cell r="D189" t="str">
            <v>マッキントッシュ物語</v>
          </cell>
          <cell r="E189">
            <v>1553</v>
          </cell>
          <cell r="F189" t="str">
            <v>085-0</v>
          </cell>
          <cell r="G189">
            <v>33</v>
          </cell>
          <cell r="J189">
            <v>102130</v>
          </cell>
          <cell r="N189">
            <v>11</v>
          </cell>
          <cell r="O189">
            <v>1</v>
          </cell>
        </row>
        <row r="190">
          <cell r="C190">
            <v>50860</v>
          </cell>
          <cell r="D190" t="str">
            <v>Winの宝箱 5 スーパーゲームコレクション 3</v>
          </cell>
          <cell r="E190">
            <v>2718</v>
          </cell>
          <cell r="F190" t="str">
            <v>086-7</v>
          </cell>
          <cell r="G190">
            <v>33</v>
          </cell>
          <cell r="J190">
            <v>102140</v>
          </cell>
          <cell r="N190">
            <v>11</v>
          </cell>
          <cell r="O190">
            <v>1</v>
          </cell>
        </row>
        <row r="191">
          <cell r="C191">
            <v>50870</v>
          </cell>
          <cell r="D191" t="str">
            <v>GoGoMac ワープロ入門</v>
          </cell>
          <cell r="E191">
            <v>1553</v>
          </cell>
          <cell r="F191" t="str">
            <v>087-4</v>
          </cell>
          <cell r="G191">
            <v>33</v>
          </cell>
          <cell r="J191">
            <v>102150</v>
          </cell>
          <cell r="N191">
            <v>11</v>
          </cell>
          <cell r="O191">
            <v>1</v>
          </cell>
        </row>
        <row r="192">
          <cell r="C192">
            <v>50880</v>
          </cell>
          <cell r="D192" t="str">
            <v>GoGoMac パソコン通信入門</v>
          </cell>
          <cell r="E192">
            <v>1553</v>
          </cell>
          <cell r="F192" t="str">
            <v>088-1</v>
          </cell>
          <cell r="G192">
            <v>33</v>
          </cell>
          <cell r="J192">
            <v>102160</v>
          </cell>
          <cell r="N192">
            <v>11</v>
          </cell>
          <cell r="O192">
            <v>1</v>
          </cell>
        </row>
        <row r="193">
          <cell r="C193">
            <v>50890</v>
          </cell>
          <cell r="D193" t="str">
            <v>入門VisualBASIC</v>
          </cell>
          <cell r="E193">
            <v>3786</v>
          </cell>
          <cell r="F193" t="str">
            <v>089-8</v>
          </cell>
          <cell r="G193">
            <v>33</v>
          </cell>
          <cell r="J193">
            <v>102170</v>
          </cell>
          <cell r="N193">
            <v>11</v>
          </cell>
          <cell r="O193">
            <v>1</v>
          </cell>
        </row>
        <row r="194">
          <cell r="C194">
            <v>50900</v>
          </cell>
          <cell r="D194" t="str">
            <v>カラー図解 MS-DOSとパソコンの基礎</v>
          </cell>
          <cell r="E194">
            <v>1942</v>
          </cell>
          <cell r="F194" t="str">
            <v>090-4</v>
          </cell>
          <cell r="G194">
            <v>33</v>
          </cell>
          <cell r="J194">
            <v>102190</v>
          </cell>
          <cell r="N194">
            <v>11</v>
          </cell>
          <cell r="O194">
            <v>1</v>
          </cell>
        </row>
        <row r="195">
          <cell r="C195">
            <v>50910</v>
          </cell>
          <cell r="D195" t="str">
            <v>どうなる?!パソコン業界</v>
          </cell>
          <cell r="E195">
            <v>1748</v>
          </cell>
          <cell r="F195" t="str">
            <v>091-1</v>
          </cell>
          <cell r="G195">
            <v>33</v>
          </cell>
          <cell r="J195">
            <v>102200</v>
          </cell>
          <cell r="N195">
            <v>11</v>
          </cell>
          <cell r="O195">
            <v>1</v>
          </cell>
        </row>
        <row r="196">
          <cell r="C196">
            <v>50920</v>
          </cell>
          <cell r="D196" t="str">
            <v>Illustrator5.0ビギナーズブック</v>
          </cell>
          <cell r="E196">
            <v>1748</v>
          </cell>
          <cell r="F196" t="str">
            <v>092-8</v>
          </cell>
          <cell r="G196">
            <v>33</v>
          </cell>
          <cell r="J196">
            <v>102220</v>
          </cell>
          <cell r="N196">
            <v>11</v>
          </cell>
          <cell r="O196">
            <v>1</v>
          </cell>
        </row>
        <row r="197">
          <cell r="C197">
            <v>50930</v>
          </cell>
          <cell r="D197" t="str">
            <v>Macintoshデータ圧縮ハンドブック</v>
          </cell>
          <cell r="E197">
            <v>2330</v>
          </cell>
          <cell r="F197" t="str">
            <v>093-5</v>
          </cell>
          <cell r="G197">
            <v>33</v>
          </cell>
          <cell r="J197">
            <v>102230</v>
          </cell>
          <cell r="L197">
            <v>0</v>
          </cell>
          <cell r="N197">
            <v>11</v>
          </cell>
          <cell r="O197">
            <v>1</v>
          </cell>
        </row>
        <row r="198">
          <cell r="C198">
            <v>50940</v>
          </cell>
          <cell r="D198" t="str">
            <v>PC-PAGE 一太郎Ver.5 for Windows特別集中講義</v>
          </cell>
          <cell r="E198">
            <v>1456</v>
          </cell>
          <cell r="F198" t="str">
            <v>094-2</v>
          </cell>
          <cell r="G198">
            <v>33</v>
          </cell>
          <cell r="J198">
            <v>102240</v>
          </cell>
          <cell r="K198" t="str">
            <v>C</v>
          </cell>
          <cell r="L198">
            <v>0</v>
          </cell>
          <cell r="N198">
            <v>11</v>
          </cell>
          <cell r="O198">
            <v>1</v>
          </cell>
        </row>
        <row r="199">
          <cell r="C199">
            <v>50950</v>
          </cell>
          <cell r="D199" t="str">
            <v>PC-PAGE DOS6/V活用ハンドブック</v>
          </cell>
          <cell r="E199">
            <v>2330</v>
          </cell>
          <cell r="F199" t="str">
            <v>095-9</v>
          </cell>
          <cell r="G199">
            <v>33</v>
          </cell>
          <cell r="J199">
            <v>102250</v>
          </cell>
          <cell r="K199" t="str">
            <v>C</v>
          </cell>
          <cell r="L199">
            <v>0</v>
          </cell>
          <cell r="N199">
            <v>11</v>
          </cell>
          <cell r="O199">
            <v>1</v>
          </cell>
        </row>
        <row r="200">
          <cell r="C200">
            <v>50960</v>
          </cell>
          <cell r="D200" t="str">
            <v>GoGoMac トラブル解決法</v>
          </cell>
          <cell r="E200">
            <v>1553</v>
          </cell>
          <cell r="F200" t="str">
            <v>096-6</v>
          </cell>
          <cell r="G200">
            <v>33</v>
          </cell>
          <cell r="J200">
            <v>102260</v>
          </cell>
          <cell r="K200" t="str">
            <v>B</v>
          </cell>
          <cell r="L200">
            <v>0</v>
          </cell>
          <cell r="N200">
            <v>11</v>
          </cell>
          <cell r="O200">
            <v>1</v>
          </cell>
        </row>
        <row r="201">
          <cell r="C201">
            <v>50970</v>
          </cell>
          <cell r="D201" t="str">
            <v>GoGoMac スーパーペイント入門</v>
          </cell>
          <cell r="E201">
            <v>1553</v>
          </cell>
          <cell r="F201" t="str">
            <v>097-3</v>
          </cell>
          <cell r="G201">
            <v>33</v>
          </cell>
          <cell r="J201">
            <v>102270</v>
          </cell>
          <cell r="N201">
            <v>11</v>
          </cell>
          <cell r="O201">
            <v>1</v>
          </cell>
        </row>
        <row r="202">
          <cell r="C202">
            <v>50980</v>
          </cell>
          <cell r="D202" t="str">
            <v>Voodoo Windows NT</v>
          </cell>
          <cell r="E202">
            <v>4466</v>
          </cell>
          <cell r="F202" t="str">
            <v>098-0</v>
          </cell>
          <cell r="G202">
            <v>33</v>
          </cell>
          <cell r="J202">
            <v>102280</v>
          </cell>
          <cell r="N202">
            <v>11</v>
          </cell>
          <cell r="O202">
            <v>1</v>
          </cell>
        </row>
        <row r="203">
          <cell r="C203">
            <v>50990</v>
          </cell>
          <cell r="D203" t="str">
            <v>Winの宝箱 6 スーパーツールコレクション I</v>
          </cell>
          <cell r="E203">
            <v>2718</v>
          </cell>
          <cell r="F203" t="str">
            <v>099-7</v>
          </cell>
          <cell r="G203">
            <v>33</v>
          </cell>
          <cell r="J203">
            <v>102290</v>
          </cell>
          <cell r="N203">
            <v>11</v>
          </cell>
          <cell r="O203">
            <v>1</v>
          </cell>
        </row>
        <row r="204">
          <cell r="C204">
            <v>51000</v>
          </cell>
          <cell r="D204" t="str">
            <v>Windows++</v>
          </cell>
          <cell r="E204">
            <v>6602</v>
          </cell>
          <cell r="F204" t="str">
            <v>100-0</v>
          </cell>
          <cell r="G204">
            <v>33</v>
          </cell>
          <cell r="J204">
            <v>102300</v>
          </cell>
          <cell r="N204">
            <v>11</v>
          </cell>
          <cell r="O204">
            <v>1</v>
          </cell>
        </row>
        <row r="205">
          <cell r="C205">
            <v>51010</v>
          </cell>
          <cell r="D205" t="str">
            <v>DOS/Vフライトシミュレータ5.0トレーニングガイド</v>
          </cell>
          <cell r="E205">
            <v>1748</v>
          </cell>
          <cell r="F205" t="str">
            <v>101-7</v>
          </cell>
          <cell r="G205">
            <v>33</v>
          </cell>
          <cell r="J205">
            <v>102310</v>
          </cell>
          <cell r="N205">
            <v>11</v>
          </cell>
          <cell r="O205">
            <v>1</v>
          </cell>
        </row>
        <row r="206">
          <cell r="C206">
            <v>51020</v>
          </cell>
          <cell r="D206" t="str">
            <v>Macの宝箱 スペシャルセレクション 2</v>
          </cell>
          <cell r="E206">
            <v>4660</v>
          </cell>
          <cell r="F206" t="str">
            <v>102-4</v>
          </cell>
          <cell r="G206">
            <v>33</v>
          </cell>
          <cell r="J206">
            <v>102320</v>
          </cell>
          <cell r="N206">
            <v>11</v>
          </cell>
          <cell r="O206">
            <v>1</v>
          </cell>
        </row>
        <row r="207">
          <cell r="C207">
            <v>51030</v>
          </cell>
          <cell r="D207" t="str">
            <v>Macの宝箱 ベストゲーム101</v>
          </cell>
          <cell r="E207">
            <v>4660</v>
          </cell>
          <cell r="F207" t="str">
            <v>103-1</v>
          </cell>
          <cell r="G207">
            <v>33</v>
          </cell>
          <cell r="J207">
            <v>102330</v>
          </cell>
          <cell r="N207">
            <v>11</v>
          </cell>
          <cell r="O207">
            <v>1</v>
          </cell>
        </row>
        <row r="208">
          <cell r="C208">
            <v>51040</v>
          </cell>
          <cell r="D208" t="str">
            <v>Winの宝箱 7 デスクトップ改造計画</v>
          </cell>
          <cell r="E208">
            <v>2718</v>
          </cell>
          <cell r="F208" t="str">
            <v>104-8</v>
          </cell>
          <cell r="G208">
            <v>33</v>
          </cell>
          <cell r="J208">
            <v>102370</v>
          </cell>
          <cell r="K208" t="str">
            <v>C</v>
          </cell>
          <cell r="L208">
            <v>0</v>
          </cell>
          <cell r="N208">
            <v>11</v>
          </cell>
          <cell r="O208">
            <v>1</v>
          </cell>
        </row>
        <row r="209">
          <cell r="C209">
            <v>51050</v>
          </cell>
          <cell r="D209" t="str">
            <v>独習C++</v>
          </cell>
          <cell r="E209">
            <v>2718</v>
          </cell>
          <cell r="F209" t="str">
            <v>105-5</v>
          </cell>
          <cell r="G209">
            <v>33</v>
          </cell>
          <cell r="J209">
            <v>102400</v>
          </cell>
          <cell r="N209">
            <v>33</v>
          </cell>
          <cell r="O209">
            <v>1</v>
          </cell>
        </row>
        <row r="210">
          <cell r="C210">
            <v>51060</v>
          </cell>
          <cell r="D210" t="str">
            <v>Windows API バイブル 2</v>
          </cell>
          <cell r="E210">
            <v>11650</v>
          </cell>
          <cell r="F210" t="str">
            <v>106-2</v>
          </cell>
          <cell r="G210">
            <v>33</v>
          </cell>
          <cell r="J210">
            <v>102410</v>
          </cell>
          <cell r="L210">
            <v>0</v>
          </cell>
          <cell r="N210">
            <v>11</v>
          </cell>
          <cell r="O210">
            <v>1</v>
          </cell>
        </row>
        <row r="211">
          <cell r="C211">
            <v>51070</v>
          </cell>
          <cell r="D211" t="str">
            <v>カラー図解 Excel5 for Windows</v>
          </cell>
          <cell r="E211">
            <v>1942</v>
          </cell>
          <cell r="F211" t="str">
            <v>107-9</v>
          </cell>
          <cell r="G211">
            <v>33</v>
          </cell>
          <cell r="J211">
            <v>102420</v>
          </cell>
          <cell r="K211" t="str">
            <v>A</v>
          </cell>
          <cell r="N211">
            <v>11</v>
          </cell>
          <cell r="O211">
            <v>2</v>
          </cell>
        </row>
        <row r="212">
          <cell r="C212">
            <v>51080</v>
          </cell>
          <cell r="D212" t="str">
            <v>The7thGuestシークレットブック</v>
          </cell>
          <cell r="E212">
            <v>2427</v>
          </cell>
          <cell r="F212" t="str">
            <v>108-6</v>
          </cell>
          <cell r="G212">
            <v>33</v>
          </cell>
          <cell r="J212">
            <v>102430</v>
          </cell>
          <cell r="N212">
            <v>11</v>
          </cell>
          <cell r="O212">
            <v>1</v>
          </cell>
        </row>
        <row r="213">
          <cell r="C213">
            <v>51090</v>
          </cell>
          <cell r="D213" t="str">
            <v>SymantecC++トレーニングブック for Macintosh</v>
          </cell>
          <cell r="E213">
            <v>3107</v>
          </cell>
          <cell r="F213" t="str">
            <v>109-3</v>
          </cell>
          <cell r="G213">
            <v>33</v>
          </cell>
          <cell r="J213">
            <v>102470</v>
          </cell>
          <cell r="K213" t="str">
            <v>B</v>
          </cell>
          <cell r="N213">
            <v>11</v>
          </cell>
          <cell r="O213">
            <v>1</v>
          </cell>
        </row>
        <row r="214">
          <cell r="C214">
            <v>51100</v>
          </cell>
          <cell r="D214" t="str">
            <v>マッキントッシュ(傑)プログラム</v>
          </cell>
          <cell r="E214">
            <v>1553</v>
          </cell>
          <cell r="F214" t="str">
            <v>110-9</v>
          </cell>
          <cell r="G214">
            <v>33</v>
          </cell>
          <cell r="J214">
            <v>102490</v>
          </cell>
          <cell r="N214">
            <v>11</v>
          </cell>
          <cell r="O214">
            <v>1</v>
          </cell>
        </row>
        <row r="215">
          <cell r="C215">
            <v>51110</v>
          </cell>
          <cell r="D215" t="str">
            <v>Windows版 エクセル5.0最初に読む本</v>
          </cell>
          <cell r="E215">
            <v>1748</v>
          </cell>
          <cell r="F215" t="str">
            <v>111-6</v>
          </cell>
          <cell r="G215">
            <v>33</v>
          </cell>
          <cell r="J215">
            <v>102530</v>
          </cell>
          <cell r="N215">
            <v>33</v>
          </cell>
          <cell r="O215">
            <v>1</v>
          </cell>
        </row>
        <row r="216">
          <cell r="C216">
            <v>51120</v>
          </cell>
          <cell r="D216" t="str">
            <v>MYSTシークレットブック</v>
          </cell>
          <cell r="E216">
            <v>1553</v>
          </cell>
          <cell r="F216" t="str">
            <v>112-3</v>
          </cell>
          <cell r="G216">
            <v>33</v>
          </cell>
          <cell r="J216">
            <v>102550</v>
          </cell>
          <cell r="N216">
            <v>11</v>
          </cell>
          <cell r="O216">
            <v>1</v>
          </cell>
        </row>
        <row r="217">
          <cell r="C217">
            <v>51130</v>
          </cell>
          <cell r="D217" t="str">
            <v>GoGoMac 続トラブル解決法</v>
          </cell>
          <cell r="E217">
            <v>1553</v>
          </cell>
          <cell r="F217" t="str">
            <v>113-0</v>
          </cell>
          <cell r="G217">
            <v>33</v>
          </cell>
          <cell r="J217">
            <v>102570</v>
          </cell>
          <cell r="K217">
            <v>0</v>
          </cell>
          <cell r="L217">
            <v>0</v>
          </cell>
          <cell r="N217">
            <v>11</v>
          </cell>
          <cell r="O217">
            <v>1</v>
          </cell>
        </row>
        <row r="218">
          <cell r="C218">
            <v>51140</v>
          </cell>
          <cell r="D218" t="str">
            <v>ATOK8 1.1ハンドブック</v>
          </cell>
          <cell r="E218">
            <v>1262</v>
          </cell>
          <cell r="F218" t="str">
            <v>114-7</v>
          </cell>
          <cell r="G218">
            <v>33</v>
          </cell>
          <cell r="J218">
            <v>102590</v>
          </cell>
          <cell r="N218">
            <v>11</v>
          </cell>
          <cell r="O218">
            <v>1</v>
          </cell>
        </row>
        <row r="219">
          <cell r="C219">
            <v>51150</v>
          </cell>
          <cell r="D219" t="str">
            <v>VisualBasicではじめるWindowsプログラミング 2</v>
          </cell>
          <cell r="E219">
            <v>3107</v>
          </cell>
          <cell r="F219" t="str">
            <v>115-4</v>
          </cell>
          <cell r="G219">
            <v>33</v>
          </cell>
          <cell r="J219">
            <v>102610</v>
          </cell>
          <cell r="L219">
            <v>0</v>
          </cell>
          <cell r="N219">
            <v>11</v>
          </cell>
          <cell r="O219">
            <v>1</v>
          </cell>
        </row>
        <row r="220">
          <cell r="C220">
            <v>51160</v>
          </cell>
          <cell r="D220" t="str">
            <v>PC-PAGE コモエスタ・アミーガ!2(ﾄﾞｽ)</v>
          </cell>
          <cell r="E220">
            <v>2330</v>
          </cell>
          <cell r="F220" t="str">
            <v>116-1</v>
          </cell>
          <cell r="G220">
            <v>33</v>
          </cell>
          <cell r="J220">
            <v>102620</v>
          </cell>
          <cell r="K220" t="str">
            <v>C</v>
          </cell>
          <cell r="L220">
            <v>0</v>
          </cell>
          <cell r="N220">
            <v>11</v>
          </cell>
          <cell r="O220">
            <v>1</v>
          </cell>
        </row>
        <row r="221">
          <cell r="C221">
            <v>51170</v>
          </cell>
          <cell r="D221" t="str">
            <v>PC-PAGE マックのお手入れ</v>
          </cell>
          <cell r="E221">
            <v>1748</v>
          </cell>
          <cell r="F221" t="str">
            <v>117-8</v>
          </cell>
          <cell r="G221">
            <v>33</v>
          </cell>
          <cell r="J221">
            <v>102630</v>
          </cell>
          <cell r="N221">
            <v>11</v>
          </cell>
          <cell r="O221">
            <v>1</v>
          </cell>
        </row>
        <row r="222">
          <cell r="C222">
            <v>51180</v>
          </cell>
          <cell r="D222" t="str">
            <v>MS-DOS6.2/V標準マニュアル</v>
          </cell>
          <cell r="E222">
            <v>2718</v>
          </cell>
          <cell r="F222" t="str">
            <v>118-5</v>
          </cell>
          <cell r="G222">
            <v>33</v>
          </cell>
          <cell r="J222">
            <v>102650</v>
          </cell>
          <cell r="N222">
            <v>11</v>
          </cell>
          <cell r="O222">
            <v>1</v>
          </cell>
        </row>
        <row r="223">
          <cell r="C223">
            <v>51190</v>
          </cell>
          <cell r="D223" t="str">
            <v>布施英利の「死体CD-ROM」</v>
          </cell>
          <cell r="E223">
            <v>5631</v>
          </cell>
          <cell r="F223" t="str">
            <v>119-2</v>
          </cell>
          <cell r="G223">
            <v>33</v>
          </cell>
          <cell r="J223">
            <v>102660</v>
          </cell>
          <cell r="K223" t="str">
            <v>C</v>
          </cell>
          <cell r="L223">
            <v>0</v>
          </cell>
          <cell r="N223">
            <v>33</v>
          </cell>
          <cell r="O223">
            <v>1</v>
          </cell>
        </row>
        <row r="224">
          <cell r="C224">
            <v>51200</v>
          </cell>
          <cell r="D224" t="str">
            <v>Windows非公開機能プログラミングブック</v>
          </cell>
          <cell r="E224">
            <v>3107</v>
          </cell>
          <cell r="F224" t="str">
            <v>120-8</v>
          </cell>
          <cell r="G224">
            <v>33</v>
          </cell>
          <cell r="J224">
            <v>102690</v>
          </cell>
          <cell r="N224">
            <v>11</v>
          </cell>
          <cell r="O224">
            <v>1</v>
          </cell>
        </row>
        <row r="225">
          <cell r="C225">
            <v>51210</v>
          </cell>
          <cell r="D225" t="str">
            <v>The7thGuest(Mac版.CD-ROM付)</v>
          </cell>
          <cell r="E225">
            <v>9515</v>
          </cell>
          <cell r="F225" t="str">
            <v>121-5</v>
          </cell>
          <cell r="G225">
            <v>33</v>
          </cell>
          <cell r="J225">
            <v>102710</v>
          </cell>
          <cell r="K225" t="str">
            <v>B</v>
          </cell>
          <cell r="L225">
            <v>0</v>
          </cell>
          <cell r="M225">
            <v>0</v>
          </cell>
          <cell r="N225">
            <v>11</v>
          </cell>
          <cell r="O225">
            <v>2</v>
          </cell>
        </row>
        <row r="226">
          <cell r="C226">
            <v>51220</v>
          </cell>
          <cell r="D226" t="str">
            <v>GoGoMac ハイパーカード入門</v>
          </cell>
          <cell r="E226">
            <v>1553</v>
          </cell>
          <cell r="F226" t="str">
            <v>122-2</v>
          </cell>
          <cell r="G226">
            <v>33</v>
          </cell>
          <cell r="J226">
            <v>102720</v>
          </cell>
          <cell r="K226" t="str">
            <v>C</v>
          </cell>
          <cell r="L226">
            <v>0</v>
          </cell>
          <cell r="M226">
            <v>0</v>
          </cell>
          <cell r="N226">
            <v>11</v>
          </cell>
          <cell r="O226">
            <v>2</v>
          </cell>
        </row>
        <row r="227">
          <cell r="C227">
            <v>51230</v>
          </cell>
          <cell r="D227" t="str">
            <v>独習C</v>
          </cell>
          <cell r="E227">
            <v>2718</v>
          </cell>
          <cell r="F227" t="str">
            <v>123-9</v>
          </cell>
          <cell r="G227">
            <v>33</v>
          </cell>
          <cell r="J227">
            <v>102730</v>
          </cell>
          <cell r="K227" t="str">
            <v>A</v>
          </cell>
          <cell r="N227">
            <v>11</v>
          </cell>
          <cell r="O227">
            <v>2</v>
          </cell>
        </row>
        <row r="228">
          <cell r="C228">
            <v>51240</v>
          </cell>
          <cell r="D228" t="str">
            <v>Windows版 Word6.0最初に読む本</v>
          </cell>
          <cell r="E228">
            <v>1748</v>
          </cell>
          <cell r="F228" t="str">
            <v>124-6</v>
          </cell>
          <cell r="G228">
            <v>33</v>
          </cell>
          <cell r="J228">
            <v>102760</v>
          </cell>
          <cell r="K228" t="str">
            <v>C</v>
          </cell>
          <cell r="L228">
            <v>0</v>
          </cell>
          <cell r="N228">
            <v>11</v>
          </cell>
          <cell r="O228">
            <v>1</v>
          </cell>
        </row>
        <row r="229">
          <cell r="C229">
            <v>51250</v>
          </cell>
          <cell r="D229" t="str">
            <v>Windows版 LOTUS IMPROVE最初に読む本</v>
          </cell>
          <cell r="E229">
            <v>1748</v>
          </cell>
          <cell r="F229" t="str">
            <v>125-3</v>
          </cell>
          <cell r="G229">
            <v>33</v>
          </cell>
          <cell r="J229">
            <v>102790</v>
          </cell>
          <cell r="K229">
            <v>0</v>
          </cell>
          <cell r="L229">
            <v>0</v>
          </cell>
          <cell r="N229">
            <v>11</v>
          </cell>
          <cell r="O229">
            <v>1</v>
          </cell>
        </row>
        <row r="230">
          <cell r="C230">
            <v>51260</v>
          </cell>
          <cell r="D230" t="str">
            <v>ジムコックがやって来た!</v>
          </cell>
          <cell r="E230">
            <v>2330</v>
          </cell>
          <cell r="F230" t="str">
            <v>126-0</v>
          </cell>
          <cell r="G230">
            <v>33</v>
          </cell>
          <cell r="J230">
            <v>102810</v>
          </cell>
          <cell r="N230">
            <v>11</v>
          </cell>
          <cell r="O230">
            <v>1</v>
          </cell>
        </row>
        <row r="231">
          <cell r="C231">
            <v>51270</v>
          </cell>
          <cell r="D231" t="str">
            <v>アジア物語</v>
          </cell>
          <cell r="E231">
            <v>2330</v>
          </cell>
          <cell r="F231" t="str">
            <v>127-7</v>
          </cell>
          <cell r="G231">
            <v>33</v>
          </cell>
          <cell r="J231">
            <v>102820</v>
          </cell>
          <cell r="N231">
            <v>11</v>
          </cell>
          <cell r="O231">
            <v>1</v>
          </cell>
        </row>
        <row r="232">
          <cell r="C232">
            <v>51280</v>
          </cell>
          <cell r="D232" t="str">
            <v>Macの宝箱 スペシャルセレクション 3</v>
          </cell>
          <cell r="E232">
            <v>3495</v>
          </cell>
          <cell r="F232" t="str">
            <v>128-4</v>
          </cell>
          <cell r="G232">
            <v>33</v>
          </cell>
          <cell r="J232">
            <v>102830</v>
          </cell>
          <cell r="N232">
            <v>11</v>
          </cell>
          <cell r="O232">
            <v>1</v>
          </cell>
        </row>
        <row r="233">
          <cell r="C233">
            <v>51290</v>
          </cell>
          <cell r="D233" t="str">
            <v>PC-PAGE DOS/Windows拡張子事典</v>
          </cell>
          <cell r="E233">
            <v>1748</v>
          </cell>
          <cell r="F233" t="str">
            <v>129-1</v>
          </cell>
          <cell r="G233">
            <v>33</v>
          </cell>
          <cell r="J233">
            <v>102840</v>
          </cell>
          <cell r="N233">
            <v>11</v>
          </cell>
          <cell r="O233">
            <v>1</v>
          </cell>
        </row>
        <row r="234">
          <cell r="C234">
            <v>51300</v>
          </cell>
          <cell r="D234" t="str">
            <v>EG WORD6.0ビギナーズブック</v>
          </cell>
          <cell r="E234">
            <v>2524</v>
          </cell>
          <cell r="F234" t="str">
            <v>130-7</v>
          </cell>
          <cell r="G234">
            <v>33</v>
          </cell>
          <cell r="J234">
            <v>102860</v>
          </cell>
          <cell r="K234" t="str">
            <v>A</v>
          </cell>
          <cell r="N234">
            <v>11</v>
          </cell>
          <cell r="O234">
            <v>1</v>
          </cell>
        </row>
        <row r="235">
          <cell r="C235">
            <v>51310</v>
          </cell>
          <cell r="D235" t="str">
            <v>Voodoo UNIX</v>
          </cell>
          <cell r="E235">
            <v>2718</v>
          </cell>
          <cell r="F235" t="str">
            <v>131-4</v>
          </cell>
          <cell r="G235">
            <v>33</v>
          </cell>
          <cell r="J235">
            <v>102870</v>
          </cell>
          <cell r="N235">
            <v>11</v>
          </cell>
          <cell r="O235">
            <v>1</v>
          </cell>
        </row>
        <row r="236">
          <cell r="C236">
            <v>51320</v>
          </cell>
          <cell r="D236" t="str">
            <v>岩窟王</v>
          </cell>
          <cell r="E236">
            <v>2330</v>
          </cell>
          <cell r="F236" t="str">
            <v>132-1</v>
          </cell>
          <cell r="G236">
            <v>33</v>
          </cell>
          <cell r="J236">
            <v>102880</v>
          </cell>
          <cell r="N236">
            <v>11</v>
          </cell>
          <cell r="O236">
            <v>1</v>
          </cell>
        </row>
        <row r="237">
          <cell r="C237">
            <v>51340</v>
          </cell>
          <cell r="D237" t="str">
            <v>CGアニメーションプレイングブック</v>
          </cell>
          <cell r="E237">
            <v>3689</v>
          </cell>
          <cell r="F237" t="str">
            <v>134-5</v>
          </cell>
          <cell r="G237">
            <v>33</v>
          </cell>
          <cell r="J237">
            <v>102890</v>
          </cell>
          <cell r="N237">
            <v>11</v>
          </cell>
          <cell r="O237">
            <v>1</v>
          </cell>
        </row>
        <row r="238">
          <cell r="C238">
            <v>51360</v>
          </cell>
          <cell r="D238" t="str">
            <v>モーフェングガイドブック</v>
          </cell>
          <cell r="E238">
            <v>2718</v>
          </cell>
          <cell r="F238" t="str">
            <v>136-9</v>
          </cell>
          <cell r="G238">
            <v>33</v>
          </cell>
          <cell r="J238">
            <v>102900</v>
          </cell>
          <cell r="N238">
            <v>11</v>
          </cell>
          <cell r="O238">
            <v>1</v>
          </cell>
        </row>
        <row r="239">
          <cell r="C239">
            <v>51370</v>
          </cell>
          <cell r="D239" t="str">
            <v>OADGカタログ (94.10)</v>
          </cell>
          <cell r="E239">
            <v>2621</v>
          </cell>
          <cell r="F239" t="str">
            <v>137-6</v>
          </cell>
          <cell r="G239">
            <v>33</v>
          </cell>
          <cell r="J239">
            <v>102910</v>
          </cell>
          <cell r="N239">
            <v>11</v>
          </cell>
          <cell r="O239">
            <v>1</v>
          </cell>
        </row>
        <row r="240">
          <cell r="C240">
            <v>51380</v>
          </cell>
          <cell r="D240" t="str">
            <v>Windows版 LOTUS1-2-3 5J 最初に読む本</v>
          </cell>
          <cell r="E240">
            <v>1748</v>
          </cell>
          <cell r="F240" t="str">
            <v>138-3</v>
          </cell>
          <cell r="G240">
            <v>33</v>
          </cell>
          <cell r="J240">
            <v>102930</v>
          </cell>
          <cell r="N240">
            <v>11</v>
          </cell>
          <cell r="O240">
            <v>1</v>
          </cell>
        </row>
        <row r="241">
          <cell r="C241">
            <v>51390</v>
          </cell>
          <cell r="D241" t="str">
            <v>Macの宝箱 12 PLAYMAKER FOOTBALLコレクション</v>
          </cell>
          <cell r="E241">
            <v>2913</v>
          </cell>
          <cell r="F241" t="str">
            <v>139-0</v>
          </cell>
          <cell r="G241">
            <v>33</v>
          </cell>
          <cell r="J241">
            <v>102950</v>
          </cell>
          <cell r="N241">
            <v>11</v>
          </cell>
          <cell r="O241">
            <v>1</v>
          </cell>
        </row>
        <row r="242">
          <cell r="C242">
            <v>51400</v>
          </cell>
          <cell r="D242" t="str">
            <v>かんたんC++</v>
          </cell>
          <cell r="E242">
            <v>2136</v>
          </cell>
          <cell r="F242" t="str">
            <v>140-6</v>
          </cell>
          <cell r="G242">
            <v>33</v>
          </cell>
          <cell r="J242">
            <v>102960</v>
          </cell>
          <cell r="K242" t="str">
            <v>A</v>
          </cell>
          <cell r="L242" t="str">
            <v>A</v>
          </cell>
          <cell r="N242">
            <v>11</v>
          </cell>
          <cell r="O242">
            <v>1</v>
          </cell>
        </row>
        <row r="243">
          <cell r="C243">
            <v>51420</v>
          </cell>
          <cell r="D243" t="str">
            <v>ワード6.0パワーブック</v>
          </cell>
          <cell r="E243">
            <v>2330</v>
          </cell>
          <cell r="F243" t="str">
            <v>142-0</v>
          </cell>
          <cell r="G243">
            <v>33</v>
          </cell>
          <cell r="J243">
            <v>102980</v>
          </cell>
          <cell r="N243">
            <v>11</v>
          </cell>
          <cell r="O243">
            <v>1</v>
          </cell>
        </row>
        <row r="244">
          <cell r="C244">
            <v>51430</v>
          </cell>
          <cell r="D244" t="str">
            <v>Macintosh Network入門</v>
          </cell>
          <cell r="E244">
            <v>2330</v>
          </cell>
          <cell r="F244" t="str">
            <v>143-7</v>
          </cell>
          <cell r="G244">
            <v>33</v>
          </cell>
          <cell r="J244">
            <v>103000</v>
          </cell>
          <cell r="N244">
            <v>11</v>
          </cell>
          <cell r="O244">
            <v>1</v>
          </cell>
        </row>
        <row r="245">
          <cell r="C245">
            <v>51440</v>
          </cell>
          <cell r="D245" t="str">
            <v>WTERNMスーパーバージョン+ブック 改訂版</v>
          </cell>
          <cell r="E245">
            <v>2427</v>
          </cell>
          <cell r="F245" t="str">
            <v>144-4</v>
          </cell>
          <cell r="G245">
            <v>33</v>
          </cell>
          <cell r="J245">
            <v>103010</v>
          </cell>
          <cell r="N245">
            <v>11</v>
          </cell>
          <cell r="O245">
            <v>1</v>
          </cell>
        </row>
        <row r="246">
          <cell r="C246">
            <v>51450</v>
          </cell>
          <cell r="D246" t="str">
            <v>ビルはどこまで高くできるか</v>
          </cell>
          <cell r="E246">
            <v>2330</v>
          </cell>
          <cell r="F246" t="str">
            <v>145-1</v>
          </cell>
          <cell r="G246">
            <v>33</v>
          </cell>
          <cell r="J246">
            <v>103040</v>
          </cell>
          <cell r="N246">
            <v>33</v>
          </cell>
          <cell r="O246">
            <v>1</v>
          </cell>
        </row>
        <row r="247">
          <cell r="C247">
            <v>51460</v>
          </cell>
          <cell r="D247" t="str">
            <v>赤の女王</v>
          </cell>
          <cell r="E247">
            <v>2718</v>
          </cell>
          <cell r="F247" t="str">
            <v>146-8</v>
          </cell>
          <cell r="G247">
            <v>33</v>
          </cell>
          <cell r="J247">
            <v>103050</v>
          </cell>
          <cell r="K247" t="str">
            <v>B</v>
          </cell>
          <cell r="N247">
            <v>11</v>
          </cell>
          <cell r="O247">
            <v>1</v>
          </cell>
        </row>
        <row r="248">
          <cell r="C248">
            <v>51470</v>
          </cell>
          <cell r="D248" t="str">
            <v>超空間</v>
          </cell>
          <cell r="E248">
            <v>2718</v>
          </cell>
          <cell r="F248" t="str">
            <v>147-5</v>
          </cell>
          <cell r="G248">
            <v>33</v>
          </cell>
          <cell r="J248">
            <v>103070</v>
          </cell>
          <cell r="K248" t="str">
            <v>B</v>
          </cell>
          <cell r="N248">
            <v>11</v>
          </cell>
          <cell r="O248">
            <v>1</v>
          </cell>
        </row>
        <row r="249">
          <cell r="C249">
            <v>51480</v>
          </cell>
          <cell r="D249" t="str">
            <v>PC-PAGE もっとメモリを!!</v>
          </cell>
          <cell r="E249">
            <v>1553</v>
          </cell>
          <cell r="F249" t="str">
            <v>148-2</v>
          </cell>
          <cell r="G249">
            <v>33</v>
          </cell>
          <cell r="J249">
            <v>103080</v>
          </cell>
          <cell r="N249">
            <v>11</v>
          </cell>
          <cell r="O249">
            <v>1</v>
          </cell>
        </row>
        <row r="250">
          <cell r="C250">
            <v>51490</v>
          </cell>
          <cell r="D250" t="str">
            <v>Macintosh C</v>
          </cell>
          <cell r="E250">
            <v>3398</v>
          </cell>
          <cell r="F250" t="str">
            <v>149-9</v>
          </cell>
          <cell r="G250">
            <v>33</v>
          </cell>
          <cell r="J250">
            <v>103090</v>
          </cell>
          <cell r="N250">
            <v>11</v>
          </cell>
          <cell r="O250">
            <v>1</v>
          </cell>
        </row>
        <row r="251">
          <cell r="C251">
            <v>51500</v>
          </cell>
          <cell r="D251" t="str">
            <v>実践DOS/Vプログラミング</v>
          </cell>
          <cell r="E251">
            <v>3107</v>
          </cell>
          <cell r="F251" t="str">
            <v>150-5</v>
          </cell>
          <cell r="G251">
            <v>33</v>
          </cell>
          <cell r="J251">
            <v>103110</v>
          </cell>
          <cell r="N251">
            <v>11</v>
          </cell>
          <cell r="O251">
            <v>1</v>
          </cell>
        </row>
        <row r="252">
          <cell r="C252">
            <v>51510</v>
          </cell>
          <cell r="D252" t="str">
            <v>まきがめ必勝ガイド</v>
          </cell>
          <cell r="E252">
            <v>1165</v>
          </cell>
          <cell r="F252" t="str">
            <v>151-2</v>
          </cell>
          <cell r="G252">
            <v>33</v>
          </cell>
          <cell r="J252">
            <v>103120</v>
          </cell>
          <cell r="L252">
            <v>0</v>
          </cell>
          <cell r="N252">
            <v>11</v>
          </cell>
          <cell r="O252">
            <v>1</v>
          </cell>
        </row>
        <row r="253">
          <cell r="C253">
            <v>51520</v>
          </cell>
          <cell r="D253" t="str">
            <v>マイクロソフトフライトシミュレータ5.0操縦ガイド</v>
          </cell>
          <cell r="E253">
            <v>1553</v>
          </cell>
          <cell r="F253" t="str">
            <v>152-9</v>
          </cell>
          <cell r="G253">
            <v>33</v>
          </cell>
          <cell r="J253">
            <v>103130</v>
          </cell>
          <cell r="L253">
            <v>0</v>
          </cell>
          <cell r="N253">
            <v>11</v>
          </cell>
          <cell r="O253">
            <v>1</v>
          </cell>
        </row>
        <row r="254">
          <cell r="C254">
            <v>51530</v>
          </cell>
          <cell r="D254" t="str">
            <v>入門VisualC++</v>
          </cell>
          <cell r="E254">
            <v>4660</v>
          </cell>
          <cell r="F254" t="str">
            <v>153-6</v>
          </cell>
          <cell r="G254">
            <v>33</v>
          </cell>
          <cell r="J254">
            <v>103140</v>
          </cell>
          <cell r="N254">
            <v>11</v>
          </cell>
          <cell r="O254">
            <v>1</v>
          </cell>
        </row>
        <row r="255">
          <cell r="C255">
            <v>51540</v>
          </cell>
          <cell r="D255" t="str">
            <v>BorlandC++4.0Windowsプログラミング</v>
          </cell>
          <cell r="E255">
            <v>6602</v>
          </cell>
          <cell r="F255" t="str">
            <v>154-3</v>
          </cell>
          <cell r="G255">
            <v>33</v>
          </cell>
          <cell r="J255">
            <v>103170</v>
          </cell>
          <cell r="N255">
            <v>11</v>
          </cell>
          <cell r="O255">
            <v>1</v>
          </cell>
        </row>
        <row r="256">
          <cell r="C256">
            <v>51550</v>
          </cell>
          <cell r="D256" t="str">
            <v>さめがめ必勝ガイド</v>
          </cell>
          <cell r="E256">
            <v>1165</v>
          </cell>
          <cell r="F256" t="str">
            <v>155-0</v>
          </cell>
          <cell r="G256">
            <v>33</v>
          </cell>
          <cell r="J256">
            <v>103180</v>
          </cell>
          <cell r="K256" t="str">
            <v>B</v>
          </cell>
          <cell r="L256" t="str">
            <v>A</v>
          </cell>
          <cell r="N256">
            <v>11</v>
          </cell>
          <cell r="O256">
            <v>1</v>
          </cell>
        </row>
        <row r="257">
          <cell r="C257">
            <v>51560</v>
          </cell>
          <cell r="D257" t="str">
            <v>ファイルメーカーPro2.1Jビギナーズブック</v>
          </cell>
          <cell r="E257">
            <v>1748</v>
          </cell>
          <cell r="F257" t="str">
            <v>156-7</v>
          </cell>
          <cell r="G257">
            <v>33</v>
          </cell>
          <cell r="J257">
            <v>103190</v>
          </cell>
          <cell r="K257" t="str">
            <v>C</v>
          </cell>
          <cell r="L257">
            <v>0</v>
          </cell>
          <cell r="N257">
            <v>11</v>
          </cell>
          <cell r="O257">
            <v>1</v>
          </cell>
        </row>
        <row r="258">
          <cell r="C258">
            <v>51570</v>
          </cell>
          <cell r="D258" t="str">
            <v>PS/V Visionビギナーズガイド</v>
          </cell>
          <cell r="E258">
            <v>1456</v>
          </cell>
          <cell r="F258" t="str">
            <v>157-4</v>
          </cell>
          <cell r="G258">
            <v>33</v>
          </cell>
          <cell r="J258">
            <v>103250</v>
          </cell>
          <cell r="N258">
            <v>11</v>
          </cell>
          <cell r="O258">
            <v>1</v>
          </cell>
        </row>
        <row r="259">
          <cell r="C259">
            <v>51580</v>
          </cell>
          <cell r="D259" t="str">
            <v>聖・長嶋茂雄語録</v>
          </cell>
          <cell r="E259">
            <v>971</v>
          </cell>
          <cell r="F259" t="str">
            <v>158-1</v>
          </cell>
          <cell r="G259">
            <v>33</v>
          </cell>
          <cell r="J259">
            <v>103280</v>
          </cell>
          <cell r="N259">
            <v>11</v>
          </cell>
          <cell r="O259">
            <v>1</v>
          </cell>
        </row>
        <row r="260">
          <cell r="C260">
            <v>51590</v>
          </cell>
          <cell r="D260" t="str">
            <v>生きること・死ぬこと</v>
          </cell>
          <cell r="E260">
            <v>1456</v>
          </cell>
          <cell r="F260" t="str">
            <v>159-8</v>
          </cell>
          <cell r="G260">
            <v>33</v>
          </cell>
          <cell r="J260">
            <v>103290</v>
          </cell>
          <cell r="N260">
            <v>33</v>
          </cell>
          <cell r="O260">
            <v>1</v>
          </cell>
        </row>
        <row r="261">
          <cell r="C261">
            <v>51600</v>
          </cell>
          <cell r="D261" t="str">
            <v>Windows版 PowerPoint4.0最初に読む本</v>
          </cell>
          <cell r="E261">
            <v>1942</v>
          </cell>
          <cell r="F261" t="str">
            <v>160-4</v>
          </cell>
          <cell r="G261">
            <v>33</v>
          </cell>
          <cell r="J261">
            <v>103310</v>
          </cell>
          <cell r="K261">
            <v>0</v>
          </cell>
          <cell r="L261">
            <v>0</v>
          </cell>
          <cell r="N261">
            <v>11</v>
          </cell>
          <cell r="O261">
            <v>1</v>
          </cell>
        </row>
        <row r="262">
          <cell r="C262">
            <v>51610</v>
          </cell>
          <cell r="D262" t="str">
            <v>EXCEL5.0ビギナーズブック</v>
          </cell>
          <cell r="E262">
            <v>1553</v>
          </cell>
          <cell r="F262" t="str">
            <v>161-1</v>
          </cell>
          <cell r="G262">
            <v>33</v>
          </cell>
          <cell r="J262">
            <v>103320</v>
          </cell>
          <cell r="K262" t="str">
            <v>B</v>
          </cell>
          <cell r="L262">
            <v>0</v>
          </cell>
          <cell r="N262">
            <v>11</v>
          </cell>
          <cell r="O262">
            <v>1</v>
          </cell>
        </row>
        <row r="263">
          <cell r="C263">
            <v>51620</v>
          </cell>
          <cell r="D263" t="str">
            <v>まちこの千夜一夜 1</v>
          </cell>
          <cell r="E263">
            <v>922</v>
          </cell>
          <cell r="F263" t="str">
            <v>162-8</v>
          </cell>
          <cell r="G263">
            <v>33</v>
          </cell>
          <cell r="J263">
            <v>103330</v>
          </cell>
          <cell r="K263" t="str">
            <v>B</v>
          </cell>
          <cell r="L263">
            <v>0</v>
          </cell>
          <cell r="N263">
            <v>11</v>
          </cell>
          <cell r="O263">
            <v>1</v>
          </cell>
        </row>
        <row r="264">
          <cell r="C264">
            <v>51630</v>
          </cell>
          <cell r="D264" t="str">
            <v>まちこの千夜一夜 2</v>
          </cell>
          <cell r="E264">
            <v>922</v>
          </cell>
          <cell r="F264" t="str">
            <v>163-5</v>
          </cell>
          <cell r="G264">
            <v>33</v>
          </cell>
          <cell r="J264">
            <v>103340</v>
          </cell>
          <cell r="K264" t="str">
            <v>A</v>
          </cell>
          <cell r="N264">
            <v>11</v>
          </cell>
          <cell r="O264">
            <v>1</v>
          </cell>
        </row>
        <row r="265">
          <cell r="C265">
            <v>51640</v>
          </cell>
          <cell r="D265" t="str">
            <v>まちこの千夜一夜 3</v>
          </cell>
          <cell r="E265">
            <v>922</v>
          </cell>
          <cell r="F265" t="str">
            <v>164-2</v>
          </cell>
          <cell r="G265">
            <v>33</v>
          </cell>
          <cell r="J265">
            <v>103350</v>
          </cell>
          <cell r="N265">
            <v>11</v>
          </cell>
          <cell r="O265">
            <v>1</v>
          </cell>
        </row>
        <row r="266">
          <cell r="C266">
            <v>51650</v>
          </cell>
          <cell r="D266" t="str">
            <v>浅荵色の風</v>
          </cell>
          <cell r="E266">
            <v>922</v>
          </cell>
          <cell r="F266" t="str">
            <v>165-9</v>
          </cell>
          <cell r="G266">
            <v>33</v>
          </cell>
          <cell r="J266">
            <v>103360</v>
          </cell>
          <cell r="N266">
            <v>33</v>
          </cell>
          <cell r="O266">
            <v>1</v>
          </cell>
        </row>
        <row r="267">
          <cell r="C267">
            <v>51660</v>
          </cell>
          <cell r="D267" t="str">
            <v>4階のミズ桜子 1</v>
          </cell>
          <cell r="E267">
            <v>922</v>
          </cell>
          <cell r="F267" t="str">
            <v>166-6</v>
          </cell>
          <cell r="G267">
            <v>33</v>
          </cell>
          <cell r="J267">
            <v>103370</v>
          </cell>
          <cell r="N267">
            <v>33</v>
          </cell>
          <cell r="O267">
            <v>1</v>
          </cell>
        </row>
        <row r="268">
          <cell r="C268">
            <v>51670</v>
          </cell>
          <cell r="D268" t="str">
            <v>4階のミズ桜子 2</v>
          </cell>
          <cell r="E268">
            <v>922</v>
          </cell>
          <cell r="F268" t="str">
            <v>167-3</v>
          </cell>
          <cell r="G268">
            <v>33</v>
          </cell>
          <cell r="J268">
            <v>103390</v>
          </cell>
          <cell r="N268">
            <v>33</v>
          </cell>
          <cell r="O268">
            <v>1</v>
          </cell>
        </row>
        <row r="269">
          <cell r="C269">
            <v>51680</v>
          </cell>
          <cell r="D269" t="str">
            <v>写楽を探せ</v>
          </cell>
          <cell r="E269">
            <v>2330</v>
          </cell>
          <cell r="F269" t="str">
            <v>168-0</v>
          </cell>
          <cell r="G269">
            <v>33</v>
          </cell>
          <cell r="J269">
            <v>103420</v>
          </cell>
          <cell r="N269">
            <v>11</v>
          </cell>
          <cell r="O269">
            <v>1</v>
          </cell>
        </row>
        <row r="270">
          <cell r="C270">
            <v>51700</v>
          </cell>
          <cell r="D270" t="str">
            <v>東大物語</v>
          </cell>
          <cell r="E270">
            <v>1456</v>
          </cell>
          <cell r="F270" t="str">
            <v>170-3</v>
          </cell>
          <cell r="G270">
            <v>33</v>
          </cell>
          <cell r="J270">
            <v>103430</v>
          </cell>
          <cell r="K270" t="str">
            <v>C</v>
          </cell>
          <cell r="L270">
            <v>0</v>
          </cell>
          <cell r="N270">
            <v>11</v>
          </cell>
          <cell r="O270">
            <v>1</v>
          </cell>
        </row>
        <row r="271">
          <cell r="C271">
            <v>51730</v>
          </cell>
          <cell r="D271" t="str">
            <v>無資本主義商品論</v>
          </cell>
          <cell r="E271">
            <v>1262</v>
          </cell>
          <cell r="F271" t="str">
            <v>173-4</v>
          </cell>
          <cell r="G271">
            <v>33</v>
          </cell>
          <cell r="J271">
            <v>103440</v>
          </cell>
          <cell r="K271" t="str">
            <v>C</v>
          </cell>
          <cell r="L271">
            <v>0</v>
          </cell>
          <cell r="N271">
            <v>11</v>
          </cell>
          <cell r="O271">
            <v>1</v>
          </cell>
        </row>
        <row r="272">
          <cell r="C272">
            <v>51740</v>
          </cell>
          <cell r="D272" t="str">
            <v>「ケンカ」の聖書</v>
          </cell>
          <cell r="E272">
            <v>1262</v>
          </cell>
          <cell r="F272" t="str">
            <v>174-1</v>
          </cell>
          <cell r="G272">
            <v>33</v>
          </cell>
          <cell r="J272">
            <v>103450</v>
          </cell>
          <cell r="K272" t="str">
            <v>B</v>
          </cell>
          <cell r="L272">
            <v>0</v>
          </cell>
          <cell r="N272">
            <v>11</v>
          </cell>
          <cell r="O272">
            <v>1</v>
          </cell>
        </row>
        <row r="273">
          <cell r="C273">
            <v>51750</v>
          </cell>
          <cell r="D273" t="str">
            <v>呪いの計画</v>
          </cell>
          <cell r="E273">
            <v>1165</v>
          </cell>
          <cell r="F273" t="str">
            <v>175-8</v>
          </cell>
          <cell r="G273">
            <v>33</v>
          </cell>
          <cell r="J273">
            <v>103460</v>
          </cell>
          <cell r="K273" t="str">
            <v>A</v>
          </cell>
          <cell r="N273">
            <v>11</v>
          </cell>
          <cell r="O273">
            <v>2</v>
          </cell>
        </row>
        <row r="274">
          <cell r="C274">
            <v>51760</v>
          </cell>
          <cell r="D274" t="str">
            <v>デノミ戦略</v>
          </cell>
          <cell r="E274">
            <v>1553</v>
          </cell>
          <cell r="F274" t="str">
            <v>176-5</v>
          </cell>
          <cell r="G274">
            <v>33</v>
          </cell>
          <cell r="J274">
            <v>103470</v>
          </cell>
          <cell r="K274" t="str">
            <v>B</v>
          </cell>
          <cell r="L274">
            <v>0</v>
          </cell>
          <cell r="N274">
            <v>11</v>
          </cell>
          <cell r="O274">
            <v>1</v>
          </cell>
        </row>
        <row r="275">
          <cell r="C275">
            <v>51770</v>
          </cell>
          <cell r="D275" t="str">
            <v>RETURN TO ZOAK シークレットブック</v>
          </cell>
          <cell r="E275">
            <v>1942</v>
          </cell>
          <cell r="F275" t="str">
            <v>177-2</v>
          </cell>
          <cell r="G275">
            <v>33</v>
          </cell>
          <cell r="J275">
            <v>103480</v>
          </cell>
          <cell r="N275">
            <v>11</v>
          </cell>
          <cell r="O275">
            <v>1</v>
          </cell>
        </row>
        <row r="276">
          <cell r="C276">
            <v>51780</v>
          </cell>
          <cell r="D276" t="str">
            <v>空が好き!</v>
          </cell>
          <cell r="E276">
            <v>1068</v>
          </cell>
          <cell r="F276" t="str">
            <v>178-9</v>
          </cell>
          <cell r="G276">
            <v>33</v>
          </cell>
          <cell r="J276">
            <v>103500</v>
          </cell>
          <cell r="K276" t="str">
            <v>C</v>
          </cell>
          <cell r="L276">
            <v>0</v>
          </cell>
          <cell r="N276">
            <v>11</v>
          </cell>
          <cell r="O276">
            <v>1</v>
          </cell>
        </row>
        <row r="277">
          <cell r="C277">
            <v>51790</v>
          </cell>
          <cell r="D277" t="str">
            <v>ウルトラマン Part1</v>
          </cell>
          <cell r="E277">
            <v>1068</v>
          </cell>
          <cell r="F277" t="str">
            <v>179-6</v>
          </cell>
          <cell r="G277">
            <v>33</v>
          </cell>
          <cell r="J277">
            <v>103510</v>
          </cell>
          <cell r="N277">
            <v>11</v>
          </cell>
          <cell r="O277">
            <v>1</v>
          </cell>
        </row>
        <row r="278">
          <cell r="C278">
            <v>51800</v>
          </cell>
          <cell r="D278" t="str">
            <v>ウルトラマン Part2</v>
          </cell>
          <cell r="E278">
            <v>1068</v>
          </cell>
          <cell r="F278" t="str">
            <v>180-2</v>
          </cell>
          <cell r="G278">
            <v>33</v>
          </cell>
          <cell r="J278">
            <v>103520</v>
          </cell>
          <cell r="N278">
            <v>11</v>
          </cell>
          <cell r="O278">
            <v>1</v>
          </cell>
        </row>
        <row r="279">
          <cell r="C279">
            <v>51810</v>
          </cell>
          <cell r="D279" t="str">
            <v>片目柳生</v>
          </cell>
          <cell r="E279">
            <v>951</v>
          </cell>
          <cell r="F279" t="str">
            <v>181-9</v>
          </cell>
          <cell r="G279">
            <v>33</v>
          </cell>
          <cell r="J279">
            <v>103530</v>
          </cell>
          <cell r="N279">
            <v>11</v>
          </cell>
          <cell r="O279">
            <v>1</v>
          </cell>
        </row>
        <row r="280">
          <cell r="C280">
            <v>51820</v>
          </cell>
          <cell r="D280" t="str">
            <v>おらが村 上</v>
          </cell>
          <cell r="E280">
            <v>1262</v>
          </cell>
          <cell r="F280" t="str">
            <v>182-6</v>
          </cell>
          <cell r="G280">
            <v>33</v>
          </cell>
          <cell r="J280">
            <v>103540</v>
          </cell>
          <cell r="N280">
            <v>11</v>
          </cell>
          <cell r="O280">
            <v>1</v>
          </cell>
        </row>
        <row r="281">
          <cell r="C281">
            <v>51830</v>
          </cell>
          <cell r="D281" t="str">
            <v>おらが村 下</v>
          </cell>
          <cell r="E281">
            <v>1262</v>
          </cell>
          <cell r="F281" t="str">
            <v>183-3</v>
          </cell>
          <cell r="G281">
            <v>33</v>
          </cell>
          <cell r="J281">
            <v>103550</v>
          </cell>
          <cell r="N281">
            <v>11</v>
          </cell>
          <cell r="O281">
            <v>1</v>
          </cell>
        </row>
        <row r="282">
          <cell r="C282">
            <v>51840</v>
          </cell>
          <cell r="D282" t="str">
            <v>賭博師たち</v>
          </cell>
          <cell r="E282">
            <v>951</v>
          </cell>
          <cell r="F282" t="str">
            <v>184-0</v>
          </cell>
          <cell r="G282">
            <v>33</v>
          </cell>
          <cell r="J282">
            <v>103560</v>
          </cell>
          <cell r="N282">
            <v>11</v>
          </cell>
          <cell r="O282">
            <v>1</v>
          </cell>
        </row>
        <row r="283">
          <cell r="C283">
            <v>51850</v>
          </cell>
          <cell r="D283" t="str">
            <v>出刃とバット</v>
          </cell>
          <cell r="E283">
            <v>951</v>
          </cell>
          <cell r="F283" t="str">
            <v>185-7</v>
          </cell>
          <cell r="G283">
            <v>33</v>
          </cell>
          <cell r="J283">
            <v>103570</v>
          </cell>
          <cell r="K283">
            <v>0</v>
          </cell>
          <cell r="L283">
            <v>0</v>
          </cell>
          <cell r="N283">
            <v>11</v>
          </cell>
          <cell r="O283">
            <v>1</v>
          </cell>
        </row>
        <row r="284">
          <cell r="C284">
            <v>51860</v>
          </cell>
          <cell r="D284" t="str">
            <v>あかんべえ天使</v>
          </cell>
          <cell r="E284">
            <v>951</v>
          </cell>
          <cell r="F284" t="str">
            <v>186-4</v>
          </cell>
          <cell r="G284">
            <v>33</v>
          </cell>
          <cell r="J284">
            <v>103580</v>
          </cell>
          <cell r="N284">
            <v>11</v>
          </cell>
          <cell r="O284">
            <v>1</v>
          </cell>
        </row>
        <row r="285">
          <cell r="C285">
            <v>51870</v>
          </cell>
          <cell r="D285" t="str">
            <v>狂人関係 上</v>
          </cell>
          <cell r="E285">
            <v>1068</v>
          </cell>
          <cell r="F285" t="str">
            <v>187-1</v>
          </cell>
          <cell r="G285">
            <v>33</v>
          </cell>
          <cell r="J285">
            <v>103610</v>
          </cell>
          <cell r="N285">
            <v>11</v>
          </cell>
          <cell r="O285">
            <v>1</v>
          </cell>
        </row>
        <row r="286">
          <cell r="C286">
            <v>51880</v>
          </cell>
          <cell r="D286" t="str">
            <v>狂人関係 中</v>
          </cell>
          <cell r="E286">
            <v>1068</v>
          </cell>
          <cell r="F286" t="str">
            <v>188-8</v>
          </cell>
          <cell r="G286">
            <v>33</v>
          </cell>
          <cell r="J286">
            <v>103620</v>
          </cell>
          <cell r="K286" t="str">
            <v>C</v>
          </cell>
          <cell r="L286">
            <v>0</v>
          </cell>
          <cell r="N286">
            <v>11</v>
          </cell>
          <cell r="O286">
            <v>1</v>
          </cell>
        </row>
        <row r="287">
          <cell r="C287">
            <v>51890</v>
          </cell>
          <cell r="D287" t="str">
            <v>狂人関係 下</v>
          </cell>
          <cell r="E287">
            <v>1068</v>
          </cell>
          <cell r="F287" t="str">
            <v>189-5</v>
          </cell>
          <cell r="G287">
            <v>33</v>
          </cell>
          <cell r="J287">
            <v>103630</v>
          </cell>
          <cell r="N287">
            <v>21</v>
          </cell>
          <cell r="O287">
            <v>1</v>
          </cell>
        </row>
        <row r="288">
          <cell r="C288">
            <v>51900</v>
          </cell>
          <cell r="D288" t="str">
            <v>薬の秘密</v>
          </cell>
          <cell r="E288">
            <v>1262</v>
          </cell>
          <cell r="F288" t="str">
            <v>190-1</v>
          </cell>
          <cell r="G288">
            <v>33</v>
          </cell>
          <cell r="J288">
            <v>103640</v>
          </cell>
          <cell r="K288" t="str">
            <v>B</v>
          </cell>
          <cell r="L288">
            <v>0</v>
          </cell>
          <cell r="M288">
            <v>0</v>
          </cell>
          <cell r="N288">
            <v>11</v>
          </cell>
          <cell r="O288">
            <v>2</v>
          </cell>
        </row>
        <row r="289">
          <cell r="C289">
            <v>51950</v>
          </cell>
          <cell r="D289" t="str">
            <v>UNIX RED BOOK</v>
          </cell>
          <cell r="E289">
            <v>2524</v>
          </cell>
          <cell r="F289" t="str">
            <v>195-6</v>
          </cell>
          <cell r="G289">
            <v>33</v>
          </cell>
          <cell r="J289">
            <v>103660</v>
          </cell>
          <cell r="N289">
            <v>11</v>
          </cell>
          <cell r="O289">
            <v>1</v>
          </cell>
        </row>
        <row r="290">
          <cell r="C290">
            <v>51960</v>
          </cell>
          <cell r="D290" t="str">
            <v>UNIX WHITE BOOK</v>
          </cell>
          <cell r="E290">
            <v>2524</v>
          </cell>
          <cell r="F290" t="str">
            <v>196-3</v>
          </cell>
          <cell r="G290">
            <v>33</v>
          </cell>
          <cell r="J290">
            <v>103670</v>
          </cell>
          <cell r="N290">
            <v>11</v>
          </cell>
          <cell r="O290">
            <v>1</v>
          </cell>
        </row>
        <row r="291">
          <cell r="C291">
            <v>51970</v>
          </cell>
          <cell r="D291" t="str">
            <v>UNIX BLUE BOOK</v>
          </cell>
          <cell r="E291">
            <v>2524</v>
          </cell>
          <cell r="F291" t="str">
            <v>197-0</v>
          </cell>
          <cell r="G291">
            <v>33</v>
          </cell>
          <cell r="J291">
            <v>103680</v>
          </cell>
          <cell r="K291" t="str">
            <v>C</v>
          </cell>
          <cell r="L291">
            <v>0</v>
          </cell>
          <cell r="N291">
            <v>11</v>
          </cell>
          <cell r="O291">
            <v>1</v>
          </cell>
        </row>
        <row r="292">
          <cell r="C292">
            <v>51980</v>
          </cell>
          <cell r="D292" t="str">
            <v>最新CGアニメーションワールド+CD-ROM</v>
          </cell>
          <cell r="E292">
            <v>2718</v>
          </cell>
          <cell r="F292" t="str">
            <v>198-7</v>
          </cell>
          <cell r="G292">
            <v>33</v>
          </cell>
          <cell r="J292">
            <v>103710</v>
          </cell>
          <cell r="K292" t="str">
            <v>C</v>
          </cell>
          <cell r="N292">
            <v>33</v>
          </cell>
          <cell r="O292">
            <v>0</v>
          </cell>
        </row>
        <row r="293">
          <cell r="C293">
            <v>51990</v>
          </cell>
          <cell r="D293" t="str">
            <v>完全攻略DOOMシークレットブック</v>
          </cell>
          <cell r="E293">
            <v>1942</v>
          </cell>
          <cell r="F293" t="str">
            <v>199-4</v>
          </cell>
          <cell r="G293">
            <v>33</v>
          </cell>
          <cell r="J293">
            <v>103730</v>
          </cell>
          <cell r="K293" t="str">
            <v>B</v>
          </cell>
          <cell r="L293">
            <v>0</v>
          </cell>
          <cell r="N293">
            <v>11</v>
          </cell>
          <cell r="O293">
            <v>1</v>
          </cell>
        </row>
        <row r="294">
          <cell r="C294">
            <v>52000</v>
          </cell>
          <cell r="D294" t="str">
            <v>CプログラマのためのC++速習法</v>
          </cell>
          <cell r="E294">
            <v>3787</v>
          </cell>
          <cell r="F294" t="str">
            <v>200-7</v>
          </cell>
          <cell r="G294">
            <v>33</v>
          </cell>
          <cell r="J294">
            <v>103760</v>
          </cell>
          <cell r="K294">
            <v>0</v>
          </cell>
          <cell r="L294">
            <v>0</v>
          </cell>
          <cell r="N294">
            <v>21</v>
          </cell>
          <cell r="O294">
            <v>1</v>
          </cell>
        </row>
        <row r="295">
          <cell r="C295">
            <v>52010</v>
          </cell>
          <cell r="D295" t="str">
            <v>カラー図解 マルチメディア入門</v>
          </cell>
          <cell r="E295">
            <v>3107</v>
          </cell>
          <cell r="F295" t="str">
            <v>201-4</v>
          </cell>
          <cell r="G295">
            <v>33</v>
          </cell>
          <cell r="J295">
            <v>103780</v>
          </cell>
          <cell r="N295">
            <v>11</v>
          </cell>
          <cell r="O295">
            <v>1</v>
          </cell>
        </row>
        <row r="296">
          <cell r="C296">
            <v>52020</v>
          </cell>
          <cell r="D296" t="str">
            <v>サイボーグ花ちゃん</v>
          </cell>
          <cell r="E296">
            <v>3107</v>
          </cell>
          <cell r="F296" t="str">
            <v>202-1</v>
          </cell>
          <cell r="G296">
            <v>33</v>
          </cell>
          <cell r="J296">
            <v>103790</v>
          </cell>
          <cell r="N296">
            <v>11</v>
          </cell>
          <cell r="O296">
            <v>1</v>
          </cell>
        </row>
        <row r="297">
          <cell r="C297">
            <v>52030</v>
          </cell>
          <cell r="D297" t="str">
            <v>dBASE for Windows5.0J最初に読む本</v>
          </cell>
          <cell r="E297">
            <v>1748</v>
          </cell>
          <cell r="F297" t="str">
            <v>203-8</v>
          </cell>
          <cell r="G297">
            <v>33</v>
          </cell>
          <cell r="J297">
            <v>103800</v>
          </cell>
          <cell r="K297">
            <v>0</v>
          </cell>
          <cell r="L297">
            <v>0</v>
          </cell>
          <cell r="M297">
            <v>0</v>
          </cell>
          <cell r="N297">
            <v>11</v>
          </cell>
          <cell r="O297">
            <v>3</v>
          </cell>
        </row>
        <row r="298">
          <cell r="C298">
            <v>52040</v>
          </cell>
          <cell r="D298" t="str">
            <v>新マッキントッシュトラブル解決法</v>
          </cell>
          <cell r="E298">
            <v>2330</v>
          </cell>
          <cell r="F298" t="str">
            <v>204-5</v>
          </cell>
          <cell r="G298">
            <v>33</v>
          </cell>
          <cell r="J298">
            <v>103810</v>
          </cell>
          <cell r="K298">
            <v>0</v>
          </cell>
          <cell r="L298">
            <v>0</v>
          </cell>
          <cell r="N298">
            <v>11</v>
          </cell>
          <cell r="O298">
            <v>1</v>
          </cell>
        </row>
        <row r="299">
          <cell r="C299">
            <v>52050</v>
          </cell>
          <cell r="D299" t="str">
            <v>QuarkXPress3.3Jビギナーズブック</v>
          </cell>
          <cell r="E299">
            <v>2427</v>
          </cell>
          <cell r="F299" t="str">
            <v>205-2</v>
          </cell>
          <cell r="G299">
            <v>33</v>
          </cell>
          <cell r="J299">
            <v>103820</v>
          </cell>
          <cell r="N299">
            <v>11</v>
          </cell>
          <cell r="O299">
            <v>1</v>
          </cell>
        </row>
        <row r="300">
          <cell r="C300">
            <v>52060</v>
          </cell>
          <cell r="D300" t="str">
            <v>Performer5ビギナーズブック</v>
          </cell>
          <cell r="E300">
            <v>2718</v>
          </cell>
          <cell r="F300" t="str">
            <v>206-9</v>
          </cell>
          <cell r="G300">
            <v>33</v>
          </cell>
          <cell r="J300">
            <v>103850</v>
          </cell>
          <cell r="K300">
            <v>0</v>
          </cell>
          <cell r="L300">
            <v>0</v>
          </cell>
          <cell r="N300">
            <v>11</v>
          </cell>
          <cell r="O300">
            <v>1</v>
          </cell>
        </row>
        <row r="301">
          <cell r="C301">
            <v>52070</v>
          </cell>
          <cell r="D301" t="str">
            <v>ビルゲイツ 増補改訂版</v>
          </cell>
          <cell r="E301">
            <v>2330</v>
          </cell>
          <cell r="F301" t="str">
            <v>207-6</v>
          </cell>
          <cell r="G301">
            <v>33</v>
          </cell>
          <cell r="J301">
            <v>103860</v>
          </cell>
          <cell r="K301" t="str">
            <v>C</v>
          </cell>
          <cell r="L301">
            <v>0</v>
          </cell>
          <cell r="N301">
            <v>11</v>
          </cell>
          <cell r="O301">
            <v>1</v>
          </cell>
        </row>
        <row r="302">
          <cell r="C302">
            <v>52080</v>
          </cell>
          <cell r="D302" t="str">
            <v>HAND 1</v>
          </cell>
          <cell r="E302">
            <v>951</v>
          </cell>
          <cell r="F302" t="str">
            <v>208-3</v>
          </cell>
          <cell r="G302">
            <v>33</v>
          </cell>
          <cell r="J302">
            <v>103870</v>
          </cell>
          <cell r="N302">
            <v>11</v>
          </cell>
          <cell r="O302">
            <v>1</v>
          </cell>
        </row>
        <row r="303">
          <cell r="C303">
            <v>52090</v>
          </cell>
          <cell r="D303" t="str">
            <v>鯨を捕る</v>
          </cell>
          <cell r="E303">
            <v>1748</v>
          </cell>
          <cell r="F303" t="str">
            <v>209-0</v>
          </cell>
          <cell r="G303">
            <v>33</v>
          </cell>
          <cell r="J303">
            <v>103880</v>
          </cell>
          <cell r="K303" t="str">
            <v>C</v>
          </cell>
          <cell r="L303">
            <v>0</v>
          </cell>
          <cell r="N303">
            <v>11</v>
          </cell>
          <cell r="O303">
            <v>1</v>
          </cell>
        </row>
        <row r="304">
          <cell r="C304">
            <v>52100</v>
          </cell>
          <cell r="D304" t="str">
            <v>EXCEL5.0 for Windowsパワーブック</v>
          </cell>
          <cell r="E304">
            <v>2330</v>
          </cell>
          <cell r="F304" t="str">
            <v>210-6</v>
          </cell>
          <cell r="G304">
            <v>33</v>
          </cell>
          <cell r="J304">
            <v>104000</v>
          </cell>
          <cell r="N304">
            <v>11</v>
          </cell>
          <cell r="O304">
            <v>1</v>
          </cell>
        </row>
        <row r="305">
          <cell r="C305">
            <v>52110</v>
          </cell>
          <cell r="D305" t="str">
            <v>ネット.トラベラーズ'95</v>
          </cell>
          <cell r="E305">
            <v>1748</v>
          </cell>
          <cell r="F305" t="str">
            <v>211-3</v>
          </cell>
          <cell r="G305">
            <v>33</v>
          </cell>
          <cell r="J305">
            <v>104010</v>
          </cell>
          <cell r="K305" t="str">
            <v>A</v>
          </cell>
          <cell r="L305">
            <v>0</v>
          </cell>
          <cell r="M305" t="str">
            <v>●</v>
          </cell>
          <cell r="N305">
            <v>11</v>
          </cell>
          <cell r="O305">
            <v>2</v>
          </cell>
        </row>
        <row r="306">
          <cell r="C306">
            <v>52120</v>
          </cell>
          <cell r="D306" t="str">
            <v>Voodoo OS/2 Warp対応</v>
          </cell>
          <cell r="E306">
            <v>3107</v>
          </cell>
          <cell r="F306" t="str">
            <v>212-0</v>
          </cell>
          <cell r="G306">
            <v>33</v>
          </cell>
          <cell r="J306">
            <v>104020</v>
          </cell>
          <cell r="N306">
            <v>21</v>
          </cell>
          <cell r="O306">
            <v>1</v>
          </cell>
        </row>
        <row r="307">
          <cell r="C307">
            <v>52130</v>
          </cell>
          <cell r="D307" t="str">
            <v>かんたんインターネット</v>
          </cell>
          <cell r="E307">
            <v>1942</v>
          </cell>
          <cell r="F307" t="str">
            <v>213-7</v>
          </cell>
          <cell r="G307">
            <v>33</v>
          </cell>
          <cell r="J307">
            <v>104030</v>
          </cell>
          <cell r="N307">
            <v>11</v>
          </cell>
          <cell r="O307">
            <v>1</v>
          </cell>
        </row>
        <row r="308">
          <cell r="C308">
            <v>52140</v>
          </cell>
          <cell r="D308" t="str">
            <v>Director4.0Jムービーテクニック  (Macintosh)</v>
          </cell>
          <cell r="E308">
            <v>3883</v>
          </cell>
          <cell r="F308" t="str">
            <v>214-4</v>
          </cell>
          <cell r="G308">
            <v>33</v>
          </cell>
          <cell r="J308">
            <v>104040</v>
          </cell>
          <cell r="N308">
            <v>11</v>
          </cell>
          <cell r="O308">
            <v>1</v>
          </cell>
        </row>
        <row r="309">
          <cell r="C309">
            <v>52150</v>
          </cell>
          <cell r="D309" t="str">
            <v>AloneInTheDarkシークレットブック</v>
          </cell>
          <cell r="E309">
            <v>1553</v>
          </cell>
          <cell r="F309" t="str">
            <v>215-1</v>
          </cell>
          <cell r="G309">
            <v>33</v>
          </cell>
          <cell r="J309">
            <v>104110</v>
          </cell>
          <cell r="K309" t="str">
            <v>B</v>
          </cell>
          <cell r="N309">
            <v>11</v>
          </cell>
          <cell r="O309">
            <v>1</v>
          </cell>
        </row>
        <row r="310">
          <cell r="C310">
            <v>52160</v>
          </cell>
          <cell r="D310" t="str">
            <v>Voodoo Mac 2</v>
          </cell>
          <cell r="E310">
            <v>2718</v>
          </cell>
          <cell r="F310" t="str">
            <v>216-8</v>
          </cell>
          <cell r="G310">
            <v>33</v>
          </cell>
          <cell r="J310">
            <v>104120</v>
          </cell>
          <cell r="K310" t="str">
            <v>C</v>
          </cell>
          <cell r="N310">
            <v>11</v>
          </cell>
          <cell r="O310">
            <v>1</v>
          </cell>
        </row>
        <row r="311">
          <cell r="C311">
            <v>52170</v>
          </cell>
          <cell r="D311" t="str">
            <v>SESSIONS!</v>
          </cell>
          <cell r="E311">
            <v>4660</v>
          </cell>
          <cell r="F311" t="str">
            <v>217-5</v>
          </cell>
          <cell r="G311">
            <v>33</v>
          </cell>
          <cell r="J311">
            <v>104160</v>
          </cell>
          <cell r="N311">
            <v>11</v>
          </cell>
          <cell r="O311">
            <v>1</v>
          </cell>
        </row>
        <row r="312">
          <cell r="C312">
            <v>52180</v>
          </cell>
          <cell r="D312" t="str">
            <v>マルチメディア傑作ゲーム6番勝負</v>
          </cell>
          <cell r="E312">
            <v>1748</v>
          </cell>
          <cell r="F312" t="str">
            <v>218-2</v>
          </cell>
          <cell r="G312">
            <v>33</v>
          </cell>
          <cell r="J312">
            <v>104170</v>
          </cell>
          <cell r="K312">
            <v>0</v>
          </cell>
          <cell r="L312">
            <v>0</v>
          </cell>
          <cell r="N312">
            <v>11</v>
          </cell>
          <cell r="O312">
            <v>1</v>
          </cell>
        </row>
        <row r="313">
          <cell r="C313">
            <v>52190</v>
          </cell>
          <cell r="D313" t="str">
            <v>宇宙の幾何</v>
          </cell>
          <cell r="E313">
            <v>1553</v>
          </cell>
          <cell r="F313" t="str">
            <v>219-9</v>
          </cell>
          <cell r="G313">
            <v>33</v>
          </cell>
          <cell r="J313">
            <v>104180</v>
          </cell>
          <cell r="K313" t="str">
            <v>B</v>
          </cell>
          <cell r="L313">
            <v>0</v>
          </cell>
          <cell r="N313">
            <v>11</v>
          </cell>
          <cell r="O313">
            <v>1</v>
          </cell>
        </row>
        <row r="314">
          <cell r="C314">
            <v>52200</v>
          </cell>
          <cell r="D314" t="str">
            <v>今夜わかる 一太郎Ver6 for Windows</v>
          </cell>
          <cell r="E314">
            <v>1553</v>
          </cell>
          <cell r="F314" t="str">
            <v>220-5</v>
          </cell>
          <cell r="G314">
            <v>33</v>
          </cell>
          <cell r="J314">
            <v>104190</v>
          </cell>
          <cell r="N314">
            <v>11</v>
          </cell>
          <cell r="O314">
            <v>1</v>
          </cell>
        </row>
        <row r="315">
          <cell r="C315">
            <v>52210</v>
          </cell>
          <cell r="D315" t="str">
            <v>ジャグリングではじめる驚異の能力開発</v>
          </cell>
          <cell r="E315">
            <v>1553</v>
          </cell>
          <cell r="F315" t="str">
            <v>221-2</v>
          </cell>
          <cell r="G315">
            <v>33</v>
          </cell>
          <cell r="J315">
            <v>104200</v>
          </cell>
          <cell r="N315">
            <v>11</v>
          </cell>
          <cell r="O315">
            <v>1</v>
          </cell>
        </row>
        <row r="316">
          <cell r="C316">
            <v>52220</v>
          </cell>
          <cell r="D316" t="str">
            <v>Cで書くOS/2デバイスドライバ</v>
          </cell>
          <cell r="E316">
            <v>3689</v>
          </cell>
          <cell r="F316" t="str">
            <v>222-9</v>
          </cell>
          <cell r="G316">
            <v>33</v>
          </cell>
          <cell r="J316">
            <v>104230</v>
          </cell>
          <cell r="K316" t="str">
            <v>B</v>
          </cell>
          <cell r="L316">
            <v>0</v>
          </cell>
          <cell r="N316">
            <v>11</v>
          </cell>
          <cell r="O316">
            <v>2</v>
          </cell>
        </row>
        <row r="317">
          <cell r="C317">
            <v>52230</v>
          </cell>
          <cell r="D317" t="str">
            <v>CD-ROM NU</v>
          </cell>
          <cell r="E317">
            <v>1748</v>
          </cell>
          <cell r="F317" t="str">
            <v>223-6</v>
          </cell>
          <cell r="G317">
            <v>33</v>
          </cell>
          <cell r="J317">
            <v>104240</v>
          </cell>
          <cell r="N317">
            <v>11</v>
          </cell>
          <cell r="O317">
            <v>1</v>
          </cell>
        </row>
        <row r="318">
          <cell r="C318">
            <v>52250</v>
          </cell>
          <cell r="D318" t="str">
            <v>超メディア人の挑戦</v>
          </cell>
          <cell r="E318">
            <v>1262</v>
          </cell>
          <cell r="F318" t="str">
            <v>225-0</v>
          </cell>
          <cell r="G318">
            <v>33</v>
          </cell>
          <cell r="J318">
            <v>104250</v>
          </cell>
          <cell r="N318">
            <v>11</v>
          </cell>
          <cell r="O318">
            <v>1</v>
          </cell>
        </row>
        <row r="319">
          <cell r="C319">
            <v>52260</v>
          </cell>
          <cell r="D319" t="str">
            <v>グレイの鍵盤</v>
          </cell>
          <cell r="E319">
            <v>1748</v>
          </cell>
          <cell r="F319" t="str">
            <v>226-7</v>
          </cell>
          <cell r="G319">
            <v>33</v>
          </cell>
          <cell r="J319">
            <v>104260</v>
          </cell>
          <cell r="K319" t="str">
            <v>B</v>
          </cell>
          <cell r="N319">
            <v>11</v>
          </cell>
          <cell r="O319">
            <v>1</v>
          </cell>
        </row>
        <row r="320">
          <cell r="C320">
            <v>52270</v>
          </cell>
          <cell r="D320" t="str">
            <v>80年代 スキャンダラス報道の時代</v>
          </cell>
          <cell r="E320">
            <v>1748</v>
          </cell>
          <cell r="F320" t="str">
            <v>227-4</v>
          </cell>
          <cell r="G320">
            <v>33</v>
          </cell>
          <cell r="J320">
            <v>104270</v>
          </cell>
          <cell r="N320">
            <v>11</v>
          </cell>
          <cell r="O320">
            <v>1</v>
          </cell>
        </row>
        <row r="321">
          <cell r="C321">
            <v>52280</v>
          </cell>
          <cell r="D321" t="str">
            <v>OS/2Warpビギナーズガイド</v>
          </cell>
          <cell r="E321">
            <v>1553</v>
          </cell>
          <cell r="F321" t="str">
            <v>228-1</v>
          </cell>
          <cell r="G321">
            <v>33</v>
          </cell>
          <cell r="J321">
            <v>104290</v>
          </cell>
          <cell r="K321">
            <v>0</v>
          </cell>
          <cell r="L321">
            <v>0</v>
          </cell>
          <cell r="N321">
            <v>11</v>
          </cell>
          <cell r="O321">
            <v>1</v>
          </cell>
        </row>
        <row r="322">
          <cell r="C322">
            <v>52290</v>
          </cell>
          <cell r="D322" t="str">
            <v>大地震 生活の知恵</v>
          </cell>
          <cell r="E322">
            <v>1165</v>
          </cell>
          <cell r="F322" t="str">
            <v>229-8</v>
          </cell>
          <cell r="G322">
            <v>33</v>
          </cell>
          <cell r="J322">
            <v>104300</v>
          </cell>
          <cell r="N322">
            <v>11</v>
          </cell>
          <cell r="O322">
            <v>1</v>
          </cell>
        </row>
        <row r="323">
          <cell r="C323">
            <v>52300</v>
          </cell>
          <cell r="D323" t="str">
            <v>生命の塵</v>
          </cell>
          <cell r="E323">
            <v>2718</v>
          </cell>
          <cell r="F323" t="str">
            <v>230-4</v>
          </cell>
          <cell r="G323">
            <v>33</v>
          </cell>
          <cell r="J323">
            <v>104340</v>
          </cell>
          <cell r="N323">
            <v>11</v>
          </cell>
          <cell r="O323">
            <v>1</v>
          </cell>
        </row>
        <row r="324">
          <cell r="C324">
            <v>52310</v>
          </cell>
          <cell r="D324" t="str">
            <v>PC-PAGE 帰ってきたパソコン見栄講座</v>
          </cell>
          <cell r="E324">
            <v>1553</v>
          </cell>
          <cell r="F324" t="str">
            <v>231-1</v>
          </cell>
          <cell r="G324">
            <v>33</v>
          </cell>
          <cell r="J324">
            <v>104350</v>
          </cell>
          <cell r="N324">
            <v>11</v>
          </cell>
          <cell r="O324">
            <v>1</v>
          </cell>
        </row>
        <row r="325">
          <cell r="C325">
            <v>52320</v>
          </cell>
          <cell r="D325" t="str">
            <v>マックで飛び込むインターネット</v>
          </cell>
          <cell r="E325">
            <v>2330</v>
          </cell>
          <cell r="F325" t="str">
            <v>232-8</v>
          </cell>
          <cell r="G325">
            <v>33</v>
          </cell>
          <cell r="J325">
            <v>104360</v>
          </cell>
          <cell r="N325">
            <v>11</v>
          </cell>
          <cell r="O325">
            <v>1</v>
          </cell>
        </row>
        <row r="326">
          <cell r="C326">
            <v>52330</v>
          </cell>
          <cell r="D326" t="str">
            <v>SimCity2000 for WINDOWS</v>
          </cell>
          <cell r="E326">
            <v>7573</v>
          </cell>
          <cell r="F326" t="str">
            <v>233-5</v>
          </cell>
          <cell r="G326">
            <v>33</v>
          </cell>
          <cell r="J326">
            <v>104370</v>
          </cell>
          <cell r="N326">
            <v>11</v>
          </cell>
          <cell r="O326">
            <v>1</v>
          </cell>
        </row>
        <row r="327">
          <cell r="C327">
            <v>52340</v>
          </cell>
          <cell r="D327" t="str">
            <v>漢字Talk7.5ビギナーズブック</v>
          </cell>
          <cell r="E327">
            <v>1553</v>
          </cell>
          <cell r="F327" t="str">
            <v>234-2</v>
          </cell>
          <cell r="G327">
            <v>33</v>
          </cell>
          <cell r="J327">
            <v>104380</v>
          </cell>
          <cell r="K327">
            <v>0</v>
          </cell>
          <cell r="L327">
            <v>0</v>
          </cell>
          <cell r="N327">
            <v>11</v>
          </cell>
          <cell r="O327">
            <v>1</v>
          </cell>
        </row>
        <row r="328">
          <cell r="C328">
            <v>52350</v>
          </cell>
          <cell r="D328" t="str">
            <v>Photoshop3.0Jスーパーバイブル</v>
          </cell>
          <cell r="E328">
            <v>5048</v>
          </cell>
          <cell r="F328" t="str">
            <v>235-9</v>
          </cell>
          <cell r="G328">
            <v>33</v>
          </cell>
          <cell r="J328">
            <v>104390</v>
          </cell>
          <cell r="K328">
            <v>0</v>
          </cell>
          <cell r="L328">
            <v>0</v>
          </cell>
          <cell r="N328">
            <v>11</v>
          </cell>
          <cell r="O328">
            <v>1</v>
          </cell>
        </row>
        <row r="329">
          <cell r="C329">
            <v>52360</v>
          </cell>
          <cell r="D329" t="str">
            <v>カラー図解 Excel5 for Macintosh</v>
          </cell>
          <cell r="E329">
            <v>2330</v>
          </cell>
          <cell r="F329" t="str">
            <v>236-6</v>
          </cell>
          <cell r="G329">
            <v>33</v>
          </cell>
          <cell r="J329">
            <v>104400</v>
          </cell>
          <cell r="K329" t="str">
            <v>C</v>
          </cell>
          <cell r="L329">
            <v>0</v>
          </cell>
          <cell r="N329">
            <v>11</v>
          </cell>
          <cell r="O329">
            <v>1</v>
          </cell>
        </row>
        <row r="330">
          <cell r="C330">
            <v>52370</v>
          </cell>
          <cell r="D330" t="str">
            <v>HyperCard2.2Jビギナーズブック</v>
          </cell>
          <cell r="E330">
            <v>1942</v>
          </cell>
          <cell r="F330" t="str">
            <v>237-3</v>
          </cell>
          <cell r="G330">
            <v>33</v>
          </cell>
          <cell r="J330">
            <v>104410</v>
          </cell>
          <cell r="N330">
            <v>11</v>
          </cell>
          <cell r="O330">
            <v>1</v>
          </cell>
        </row>
        <row r="331">
          <cell r="C331">
            <v>52380</v>
          </cell>
          <cell r="D331" t="str">
            <v>ACCESS2.0最初に読む本</v>
          </cell>
          <cell r="E331">
            <v>1748</v>
          </cell>
          <cell r="F331" t="str">
            <v>238-0</v>
          </cell>
          <cell r="G331">
            <v>33</v>
          </cell>
          <cell r="J331">
            <v>104420</v>
          </cell>
          <cell r="K331" t="str">
            <v>C</v>
          </cell>
          <cell r="L331">
            <v>0</v>
          </cell>
          <cell r="M331">
            <v>0</v>
          </cell>
          <cell r="N331">
            <v>11</v>
          </cell>
          <cell r="O331">
            <v>2</v>
          </cell>
        </row>
        <row r="332">
          <cell r="C332">
            <v>52390</v>
          </cell>
          <cell r="D332" t="str">
            <v>Word6.0ビギナーズブック</v>
          </cell>
          <cell r="E332">
            <v>1553</v>
          </cell>
          <cell r="F332" t="str">
            <v>239-7</v>
          </cell>
          <cell r="G332">
            <v>33</v>
          </cell>
          <cell r="J332">
            <v>104440</v>
          </cell>
          <cell r="M332">
            <v>0</v>
          </cell>
          <cell r="N332">
            <v>11</v>
          </cell>
          <cell r="O332">
            <v>1</v>
          </cell>
        </row>
        <row r="333">
          <cell r="C333">
            <v>52400</v>
          </cell>
          <cell r="D333" t="str">
            <v>PC-PAGE PC-98版MS-DOS6.2V活用ハンドブック</v>
          </cell>
          <cell r="E333">
            <v>2136</v>
          </cell>
          <cell r="F333" t="str">
            <v>240-3</v>
          </cell>
          <cell r="G333">
            <v>33</v>
          </cell>
          <cell r="J333">
            <v>104450</v>
          </cell>
          <cell r="K333">
            <v>0</v>
          </cell>
          <cell r="L333">
            <v>0</v>
          </cell>
          <cell r="N333">
            <v>11</v>
          </cell>
          <cell r="O333">
            <v>1</v>
          </cell>
        </row>
        <row r="334">
          <cell r="C334">
            <v>52410</v>
          </cell>
          <cell r="D334" t="str">
            <v>その話はメールでしてくれ!</v>
          </cell>
          <cell r="E334">
            <v>1165</v>
          </cell>
          <cell r="F334" t="str">
            <v>241-0</v>
          </cell>
          <cell r="G334">
            <v>33</v>
          </cell>
          <cell r="J334">
            <v>104460</v>
          </cell>
          <cell r="K334">
            <v>0</v>
          </cell>
          <cell r="L334">
            <v>0</v>
          </cell>
          <cell r="N334">
            <v>11</v>
          </cell>
          <cell r="O334">
            <v>1</v>
          </cell>
        </row>
        <row r="335">
          <cell r="C335">
            <v>52420</v>
          </cell>
          <cell r="D335" t="str">
            <v>インターネットホームページデザイン</v>
          </cell>
          <cell r="E335">
            <v>2330</v>
          </cell>
          <cell r="F335" t="str">
            <v>242-7</v>
          </cell>
          <cell r="G335">
            <v>33</v>
          </cell>
          <cell r="J335">
            <v>104480</v>
          </cell>
          <cell r="N335">
            <v>11</v>
          </cell>
          <cell r="O335">
            <v>1</v>
          </cell>
        </row>
        <row r="336">
          <cell r="C336">
            <v>52430</v>
          </cell>
          <cell r="D336" t="str">
            <v>工業英語入門編</v>
          </cell>
          <cell r="E336">
            <v>2427</v>
          </cell>
          <cell r="F336" t="str">
            <v>243-4</v>
          </cell>
          <cell r="G336">
            <v>33</v>
          </cell>
          <cell r="J336">
            <v>104500</v>
          </cell>
          <cell r="K336" t="str">
            <v>C</v>
          </cell>
          <cell r="L336">
            <v>0</v>
          </cell>
          <cell r="M336">
            <v>0</v>
          </cell>
          <cell r="N336">
            <v>11</v>
          </cell>
          <cell r="O336">
            <v>2</v>
          </cell>
        </row>
        <row r="337">
          <cell r="C337">
            <v>52440</v>
          </cell>
          <cell r="D337" t="str">
            <v>Access2.0パーフェクトガイド</v>
          </cell>
          <cell r="E337">
            <v>5049</v>
          </cell>
          <cell r="F337" t="str">
            <v>244-1</v>
          </cell>
          <cell r="G337">
            <v>33</v>
          </cell>
          <cell r="J337">
            <v>104520</v>
          </cell>
          <cell r="K337" t="str">
            <v>C</v>
          </cell>
          <cell r="N337">
            <v>11</v>
          </cell>
          <cell r="O337">
            <v>2</v>
          </cell>
        </row>
        <row r="338">
          <cell r="C338">
            <v>52450</v>
          </cell>
          <cell r="D338" t="str">
            <v>OADGカタログ Vol.7(95.5)</v>
          </cell>
          <cell r="E338">
            <v>3689</v>
          </cell>
          <cell r="F338" t="str">
            <v>245-8</v>
          </cell>
          <cell r="G338">
            <v>33</v>
          </cell>
          <cell r="J338">
            <v>104530</v>
          </cell>
          <cell r="K338" t="str">
            <v>B</v>
          </cell>
          <cell r="N338">
            <v>11</v>
          </cell>
          <cell r="O338">
            <v>1</v>
          </cell>
        </row>
        <row r="339">
          <cell r="C339">
            <v>52460</v>
          </cell>
          <cell r="D339" t="str">
            <v>カラー図解 Word6 for Windows</v>
          </cell>
          <cell r="E339">
            <v>2330</v>
          </cell>
          <cell r="F339" t="str">
            <v>246-5</v>
          </cell>
          <cell r="G339">
            <v>33</v>
          </cell>
          <cell r="J339">
            <v>104550</v>
          </cell>
          <cell r="N339">
            <v>21</v>
          </cell>
          <cell r="O339">
            <v>1</v>
          </cell>
        </row>
        <row r="340">
          <cell r="C340">
            <v>52470</v>
          </cell>
          <cell r="D340" t="str">
            <v>復刻版 たいこめ辞典</v>
          </cell>
          <cell r="E340">
            <v>1165</v>
          </cell>
          <cell r="F340" t="str">
            <v>247-2</v>
          </cell>
          <cell r="G340">
            <v>33</v>
          </cell>
          <cell r="J340">
            <v>104560</v>
          </cell>
          <cell r="K340" t="str">
            <v>B</v>
          </cell>
          <cell r="L340">
            <v>0</v>
          </cell>
          <cell r="N340">
            <v>11</v>
          </cell>
          <cell r="O340">
            <v>1</v>
          </cell>
        </row>
        <row r="341">
          <cell r="C341">
            <v>52480</v>
          </cell>
          <cell r="D341" t="str">
            <v>夢の迷子たち</v>
          </cell>
          <cell r="E341">
            <v>1456</v>
          </cell>
          <cell r="F341" t="str">
            <v>248-9</v>
          </cell>
          <cell r="G341">
            <v>33</v>
          </cell>
          <cell r="J341">
            <v>104590</v>
          </cell>
          <cell r="N341">
            <v>32</v>
          </cell>
          <cell r="O341">
            <v>0</v>
          </cell>
        </row>
        <row r="342">
          <cell r="C342">
            <v>52490</v>
          </cell>
          <cell r="D342" t="str">
            <v>マンガ甲子園ブックバージョン</v>
          </cell>
          <cell r="E342">
            <v>1165</v>
          </cell>
          <cell r="F342" t="str">
            <v>249-6</v>
          </cell>
          <cell r="G342">
            <v>33</v>
          </cell>
          <cell r="J342">
            <v>104600</v>
          </cell>
          <cell r="N342">
            <v>32</v>
          </cell>
          <cell r="O342">
            <v>0</v>
          </cell>
        </row>
        <row r="343">
          <cell r="C343">
            <v>52500</v>
          </cell>
          <cell r="D343" t="str">
            <v>秋のミモザ</v>
          </cell>
          <cell r="E343">
            <v>1553</v>
          </cell>
          <cell r="F343" t="str">
            <v>250-2</v>
          </cell>
          <cell r="G343">
            <v>33</v>
          </cell>
          <cell r="J343">
            <v>104610</v>
          </cell>
          <cell r="K343" t="str">
            <v>B</v>
          </cell>
          <cell r="L343">
            <v>0</v>
          </cell>
          <cell r="M343">
            <v>0</v>
          </cell>
          <cell r="N343">
            <v>11</v>
          </cell>
          <cell r="O343">
            <v>2</v>
          </cell>
        </row>
        <row r="344">
          <cell r="C344">
            <v>52510</v>
          </cell>
          <cell r="D344" t="str">
            <v>FBI特別捜査官</v>
          </cell>
          <cell r="E344">
            <v>1553</v>
          </cell>
          <cell r="F344" t="str">
            <v>251-9</v>
          </cell>
          <cell r="G344">
            <v>33</v>
          </cell>
          <cell r="J344">
            <v>104620</v>
          </cell>
          <cell r="N344">
            <v>11</v>
          </cell>
          <cell r="O344">
            <v>1</v>
          </cell>
        </row>
        <row r="345">
          <cell r="C345">
            <v>52520</v>
          </cell>
          <cell r="D345" t="str">
            <v>怪傑ハリマオ 上</v>
          </cell>
          <cell r="E345">
            <v>1553</v>
          </cell>
          <cell r="F345" t="str">
            <v>252-6</v>
          </cell>
          <cell r="G345">
            <v>33</v>
          </cell>
          <cell r="J345">
            <v>104630</v>
          </cell>
          <cell r="N345">
            <v>33</v>
          </cell>
          <cell r="O345">
            <v>1</v>
          </cell>
        </row>
        <row r="346">
          <cell r="C346">
            <v>52530</v>
          </cell>
          <cell r="D346" t="str">
            <v>怪傑ハリマオ 下</v>
          </cell>
          <cell r="E346">
            <v>1553</v>
          </cell>
          <cell r="F346" t="str">
            <v>253-3</v>
          </cell>
          <cell r="G346">
            <v>33</v>
          </cell>
          <cell r="J346">
            <v>104640</v>
          </cell>
          <cell r="N346">
            <v>11</v>
          </cell>
          <cell r="O346">
            <v>1</v>
          </cell>
        </row>
        <row r="347">
          <cell r="C347">
            <v>52540</v>
          </cell>
          <cell r="D347" t="str">
            <v>ズーム</v>
          </cell>
          <cell r="E347">
            <v>1165</v>
          </cell>
          <cell r="F347" t="str">
            <v>254-0</v>
          </cell>
          <cell r="G347">
            <v>34</v>
          </cell>
          <cell r="J347">
            <v>104710</v>
          </cell>
          <cell r="N347">
            <v>11</v>
          </cell>
          <cell r="O347">
            <v>1</v>
          </cell>
        </row>
        <row r="348">
          <cell r="C348">
            <v>52550</v>
          </cell>
          <cell r="D348" t="str">
            <v>インターネットネットスケープクイックガイド for Windows</v>
          </cell>
          <cell r="E348">
            <v>1748</v>
          </cell>
          <cell r="F348" t="str">
            <v>255-7</v>
          </cell>
          <cell r="G348">
            <v>33</v>
          </cell>
          <cell r="J348">
            <v>104730</v>
          </cell>
          <cell r="N348">
            <v>11</v>
          </cell>
          <cell r="O348">
            <v>1</v>
          </cell>
        </row>
        <row r="349">
          <cell r="C349">
            <v>52560</v>
          </cell>
          <cell r="D349" t="str">
            <v>インターネットネットスケープクイックガイド for Macintosh</v>
          </cell>
          <cell r="E349">
            <v>1748</v>
          </cell>
          <cell r="F349" t="str">
            <v>256-4</v>
          </cell>
          <cell r="G349">
            <v>33</v>
          </cell>
          <cell r="J349">
            <v>104740</v>
          </cell>
          <cell r="N349">
            <v>11</v>
          </cell>
          <cell r="O349">
            <v>1</v>
          </cell>
        </row>
        <row r="350">
          <cell r="C350">
            <v>52570</v>
          </cell>
          <cell r="D350" t="str">
            <v>Microsoft OFFICE Word6.0+Excel5.0パワーブック合本</v>
          </cell>
          <cell r="E350">
            <v>2718</v>
          </cell>
          <cell r="F350" t="str">
            <v>257-1</v>
          </cell>
          <cell r="G350">
            <v>33</v>
          </cell>
          <cell r="J350">
            <v>104750</v>
          </cell>
          <cell r="N350">
            <v>11</v>
          </cell>
          <cell r="O350">
            <v>1</v>
          </cell>
        </row>
        <row r="351">
          <cell r="C351">
            <v>52580</v>
          </cell>
          <cell r="D351" t="str">
            <v>ニフティサーブデキゴトロニクス</v>
          </cell>
          <cell r="E351">
            <v>1456</v>
          </cell>
          <cell r="F351" t="str">
            <v>258-8</v>
          </cell>
          <cell r="G351">
            <v>33</v>
          </cell>
          <cell r="J351">
            <v>104760</v>
          </cell>
          <cell r="N351">
            <v>33</v>
          </cell>
          <cell r="O351">
            <v>1</v>
          </cell>
        </row>
        <row r="352">
          <cell r="C352">
            <v>52590</v>
          </cell>
          <cell r="D352" t="str">
            <v>Visual C++ バイブル</v>
          </cell>
          <cell r="E352">
            <v>6990</v>
          </cell>
          <cell r="F352" t="str">
            <v>259-5</v>
          </cell>
          <cell r="G352">
            <v>33</v>
          </cell>
          <cell r="J352">
            <v>104770</v>
          </cell>
          <cell r="N352">
            <v>11</v>
          </cell>
          <cell r="O352">
            <v>1</v>
          </cell>
        </row>
        <row r="353">
          <cell r="C353">
            <v>52600</v>
          </cell>
          <cell r="D353" t="str">
            <v>WindowsNTServer3.5パーフェクトガイド</v>
          </cell>
          <cell r="E353">
            <v>6602</v>
          </cell>
          <cell r="F353" t="str">
            <v>260-1</v>
          </cell>
          <cell r="G353">
            <v>33</v>
          </cell>
          <cell r="J353">
            <v>104780</v>
          </cell>
          <cell r="N353">
            <v>11</v>
          </cell>
          <cell r="O353">
            <v>1</v>
          </cell>
        </row>
        <row r="354">
          <cell r="C354">
            <v>52610</v>
          </cell>
          <cell r="D354" t="str">
            <v>DOS/VゲームウルトラCD-ROMブック</v>
          </cell>
          <cell r="E354">
            <v>2718</v>
          </cell>
          <cell r="F354" t="str">
            <v>261-8</v>
          </cell>
          <cell r="G354">
            <v>33</v>
          </cell>
          <cell r="J354">
            <v>104800</v>
          </cell>
          <cell r="N354">
            <v>11</v>
          </cell>
          <cell r="O354">
            <v>1</v>
          </cell>
        </row>
        <row r="355">
          <cell r="C355">
            <v>52620</v>
          </cell>
          <cell r="D355" t="str">
            <v>HANDPAGE 夏号</v>
          </cell>
          <cell r="E355">
            <v>1165</v>
          </cell>
          <cell r="F355" t="str">
            <v>262-5</v>
          </cell>
          <cell r="G355">
            <v>33</v>
          </cell>
          <cell r="J355">
            <v>104810</v>
          </cell>
          <cell r="N355">
            <v>33</v>
          </cell>
          <cell r="O355">
            <v>1</v>
          </cell>
        </row>
        <row r="356">
          <cell r="C356">
            <v>52630</v>
          </cell>
          <cell r="D356" t="str">
            <v>図説 帝國陸軍</v>
          </cell>
          <cell r="E356">
            <v>2330</v>
          </cell>
          <cell r="F356" t="str">
            <v>263-2</v>
          </cell>
          <cell r="G356">
            <v>33</v>
          </cell>
          <cell r="J356">
            <v>104830</v>
          </cell>
          <cell r="N356">
            <v>11</v>
          </cell>
          <cell r="O356">
            <v>1</v>
          </cell>
        </row>
        <row r="357">
          <cell r="C357">
            <v>52640</v>
          </cell>
          <cell r="D357" t="str">
            <v>図説 帝國海軍</v>
          </cell>
          <cell r="E357">
            <v>2330</v>
          </cell>
          <cell r="F357" t="str">
            <v>264-9</v>
          </cell>
          <cell r="G357">
            <v>33</v>
          </cell>
          <cell r="J357">
            <v>104840</v>
          </cell>
          <cell r="N357">
            <v>11</v>
          </cell>
          <cell r="O357">
            <v>1</v>
          </cell>
        </row>
        <row r="358">
          <cell r="C358">
            <v>52650</v>
          </cell>
          <cell r="D358" t="str">
            <v>日中戦争</v>
          </cell>
          <cell r="E358">
            <v>2330</v>
          </cell>
          <cell r="F358" t="str">
            <v>265-6</v>
          </cell>
          <cell r="G358">
            <v>33</v>
          </cell>
          <cell r="J358">
            <v>104850</v>
          </cell>
          <cell r="N358">
            <v>11</v>
          </cell>
          <cell r="O358">
            <v>1</v>
          </cell>
        </row>
        <row r="359">
          <cell r="C359">
            <v>52660</v>
          </cell>
          <cell r="D359" t="str">
            <v>カラー図解 Word6 for Macintosh</v>
          </cell>
          <cell r="E359">
            <v>2330</v>
          </cell>
          <cell r="F359" t="str">
            <v>266-3</v>
          </cell>
          <cell r="G359">
            <v>33</v>
          </cell>
          <cell r="J359">
            <v>104860</v>
          </cell>
          <cell r="K359">
            <v>0</v>
          </cell>
          <cell r="L359">
            <v>0</v>
          </cell>
          <cell r="N359">
            <v>11</v>
          </cell>
          <cell r="O359">
            <v>1</v>
          </cell>
        </row>
        <row r="360">
          <cell r="C360">
            <v>52670</v>
          </cell>
          <cell r="D360" t="str">
            <v>インターネットの歩き方</v>
          </cell>
          <cell r="E360">
            <v>2718</v>
          </cell>
          <cell r="F360" t="str">
            <v>267-0</v>
          </cell>
          <cell r="G360">
            <v>33</v>
          </cell>
          <cell r="J360">
            <v>104870</v>
          </cell>
          <cell r="K360" t="str">
            <v>C</v>
          </cell>
          <cell r="N360">
            <v>11</v>
          </cell>
          <cell r="O360">
            <v>1</v>
          </cell>
        </row>
        <row r="361">
          <cell r="C361">
            <v>52680</v>
          </cell>
          <cell r="D361" t="str">
            <v>原子爆弾</v>
          </cell>
          <cell r="E361">
            <v>2330</v>
          </cell>
          <cell r="F361" t="str">
            <v>268-7</v>
          </cell>
          <cell r="G361">
            <v>33</v>
          </cell>
          <cell r="J361">
            <v>104880</v>
          </cell>
          <cell r="N361">
            <v>11</v>
          </cell>
          <cell r="O361">
            <v>1</v>
          </cell>
        </row>
        <row r="362">
          <cell r="C362">
            <v>52690</v>
          </cell>
          <cell r="D362" t="str">
            <v>松沢堂の冒険 鬼と蝿叩き</v>
          </cell>
          <cell r="E362">
            <v>1553</v>
          </cell>
          <cell r="F362" t="str">
            <v>269-4</v>
          </cell>
          <cell r="G362">
            <v>33</v>
          </cell>
          <cell r="J362">
            <v>104910</v>
          </cell>
          <cell r="N362">
            <v>11</v>
          </cell>
          <cell r="O362">
            <v>1</v>
          </cell>
        </row>
        <row r="363">
          <cell r="C363">
            <v>52700</v>
          </cell>
          <cell r="D363" t="str">
            <v>新版 VisualBasicではじめるWindowsプログラミング 1</v>
          </cell>
          <cell r="E363">
            <v>3398</v>
          </cell>
          <cell r="F363" t="str">
            <v>270-0</v>
          </cell>
          <cell r="G363">
            <v>33</v>
          </cell>
          <cell r="J363">
            <v>104920</v>
          </cell>
          <cell r="N363">
            <v>11</v>
          </cell>
          <cell r="O363">
            <v>1</v>
          </cell>
        </row>
        <row r="364">
          <cell r="C364">
            <v>52710</v>
          </cell>
          <cell r="D364" t="str">
            <v>カラー図解 Microsoft Windows95</v>
          </cell>
          <cell r="E364">
            <v>2330</v>
          </cell>
          <cell r="F364" t="str">
            <v>271-7</v>
          </cell>
          <cell r="G364">
            <v>33</v>
          </cell>
          <cell r="J364">
            <v>104930</v>
          </cell>
          <cell r="K364" t="str">
            <v>A</v>
          </cell>
          <cell r="L364">
            <v>0</v>
          </cell>
          <cell r="N364">
            <v>11</v>
          </cell>
          <cell r="O364">
            <v>1</v>
          </cell>
        </row>
        <row r="365">
          <cell r="C365">
            <v>52720</v>
          </cell>
          <cell r="D365" t="str">
            <v>Aptivaビギナーズガイド</v>
          </cell>
          <cell r="E365">
            <v>1456</v>
          </cell>
          <cell r="F365" t="str">
            <v>272-4</v>
          </cell>
          <cell r="G365">
            <v>33</v>
          </cell>
          <cell r="J365">
            <v>104940</v>
          </cell>
          <cell r="K365" t="str">
            <v>B</v>
          </cell>
          <cell r="L365">
            <v>0</v>
          </cell>
          <cell r="N365">
            <v>11</v>
          </cell>
          <cell r="O365">
            <v>1</v>
          </cell>
        </row>
        <row r="366">
          <cell r="C366">
            <v>52730</v>
          </cell>
          <cell r="D366" t="str">
            <v>PC-PAGE 98ノートのお手入れ</v>
          </cell>
          <cell r="E366">
            <v>1748</v>
          </cell>
          <cell r="F366" t="str">
            <v>273-1</v>
          </cell>
          <cell r="G366">
            <v>33</v>
          </cell>
          <cell r="J366">
            <v>104970</v>
          </cell>
          <cell r="K366">
            <v>0</v>
          </cell>
          <cell r="N366">
            <v>11</v>
          </cell>
          <cell r="O366">
            <v>1</v>
          </cell>
        </row>
        <row r="367">
          <cell r="C367">
            <v>52740</v>
          </cell>
          <cell r="D367" t="str">
            <v>Macintoshフリーウェア万国博覧会</v>
          </cell>
          <cell r="E367">
            <v>3107</v>
          </cell>
          <cell r="F367" t="str">
            <v>274-8</v>
          </cell>
          <cell r="G367">
            <v>33</v>
          </cell>
          <cell r="J367">
            <v>104980</v>
          </cell>
          <cell r="K367" t="str">
            <v>B</v>
          </cell>
          <cell r="N367">
            <v>11</v>
          </cell>
          <cell r="O367">
            <v>1</v>
          </cell>
        </row>
        <row r="368">
          <cell r="C368">
            <v>52750</v>
          </cell>
          <cell r="D368" t="str">
            <v>切断</v>
          </cell>
          <cell r="E368">
            <v>1748</v>
          </cell>
          <cell r="F368" t="str">
            <v>275-5</v>
          </cell>
          <cell r="G368">
            <v>33</v>
          </cell>
          <cell r="J368">
            <v>104990</v>
          </cell>
          <cell r="K368" t="str">
            <v>B</v>
          </cell>
          <cell r="N368">
            <v>11</v>
          </cell>
          <cell r="O368">
            <v>1</v>
          </cell>
        </row>
        <row r="369">
          <cell r="C369">
            <v>52760</v>
          </cell>
          <cell r="D369" t="str">
            <v>50年の旅人たち</v>
          </cell>
          <cell r="E369">
            <v>1456</v>
          </cell>
          <cell r="F369" t="str">
            <v>276-2</v>
          </cell>
          <cell r="G369">
            <v>33</v>
          </cell>
          <cell r="J369">
            <v>105000</v>
          </cell>
          <cell r="K369" t="str">
            <v>B</v>
          </cell>
          <cell r="N369">
            <v>11</v>
          </cell>
          <cell r="O369">
            <v>1</v>
          </cell>
        </row>
        <row r="370">
          <cell r="C370">
            <v>52770</v>
          </cell>
          <cell r="D370" t="str">
            <v>DOOM2シークレットブック</v>
          </cell>
          <cell r="E370">
            <v>2136</v>
          </cell>
          <cell r="F370" t="str">
            <v>277-9</v>
          </cell>
          <cell r="G370">
            <v>33</v>
          </cell>
          <cell r="J370">
            <v>105010</v>
          </cell>
          <cell r="N370">
            <v>11</v>
          </cell>
          <cell r="O370">
            <v>1</v>
          </cell>
        </row>
        <row r="371">
          <cell r="C371">
            <v>52780</v>
          </cell>
          <cell r="D371" t="str">
            <v>OS/2Warpパーフェクトガイド</v>
          </cell>
          <cell r="E371">
            <v>4660</v>
          </cell>
          <cell r="F371" t="str">
            <v>278-6</v>
          </cell>
          <cell r="G371">
            <v>33</v>
          </cell>
          <cell r="J371">
            <v>105020</v>
          </cell>
          <cell r="N371">
            <v>11</v>
          </cell>
          <cell r="O371">
            <v>1</v>
          </cell>
        </row>
        <row r="372">
          <cell r="C372">
            <v>52800</v>
          </cell>
          <cell r="D372" t="str">
            <v>今夜わかる 一太郎 for Macintosh</v>
          </cell>
          <cell r="E372">
            <v>1553</v>
          </cell>
          <cell r="F372" t="str">
            <v>280-9</v>
          </cell>
          <cell r="G372">
            <v>33</v>
          </cell>
          <cell r="J372">
            <v>105030</v>
          </cell>
          <cell r="N372">
            <v>11</v>
          </cell>
          <cell r="O372">
            <v>1</v>
          </cell>
        </row>
        <row r="373">
          <cell r="C373">
            <v>52810</v>
          </cell>
          <cell r="D373" t="str">
            <v>ニフティマネジャーではじめるパソコン通信 for Macintosh</v>
          </cell>
          <cell r="E373">
            <v>1748</v>
          </cell>
          <cell r="F373" t="str">
            <v>281-6</v>
          </cell>
          <cell r="G373">
            <v>33</v>
          </cell>
          <cell r="J373">
            <v>105040</v>
          </cell>
          <cell r="N373">
            <v>11</v>
          </cell>
          <cell r="O373">
            <v>1</v>
          </cell>
        </row>
        <row r="374">
          <cell r="C374">
            <v>52820</v>
          </cell>
          <cell r="D374" t="str">
            <v>ニフティマネジャーではじめるパソコン通信 for Windows</v>
          </cell>
          <cell r="E374">
            <v>1748</v>
          </cell>
          <cell r="F374" t="str">
            <v>282-3</v>
          </cell>
          <cell r="G374">
            <v>33</v>
          </cell>
          <cell r="J374">
            <v>105050</v>
          </cell>
          <cell r="N374">
            <v>11</v>
          </cell>
          <cell r="O374">
            <v>1</v>
          </cell>
        </row>
        <row r="375">
          <cell r="C375">
            <v>52840</v>
          </cell>
          <cell r="D375" t="str">
            <v>ザウルス.パーフェクトマニュアル</v>
          </cell>
          <cell r="E375">
            <v>2524</v>
          </cell>
          <cell r="F375" t="str">
            <v>284-7</v>
          </cell>
          <cell r="G375">
            <v>33</v>
          </cell>
          <cell r="J375">
            <v>105060</v>
          </cell>
          <cell r="L375">
            <v>0</v>
          </cell>
          <cell r="N375">
            <v>11</v>
          </cell>
          <cell r="O375">
            <v>1</v>
          </cell>
        </row>
        <row r="376">
          <cell r="C376">
            <v>52850</v>
          </cell>
          <cell r="D376" t="str">
            <v>リズーム</v>
          </cell>
          <cell r="E376">
            <v>1165</v>
          </cell>
          <cell r="F376" t="str">
            <v>285-4</v>
          </cell>
          <cell r="G376">
            <v>34</v>
          </cell>
          <cell r="J376">
            <v>105070</v>
          </cell>
          <cell r="K376" t="str">
            <v>C</v>
          </cell>
          <cell r="L376">
            <v>0</v>
          </cell>
          <cell r="N376">
            <v>11</v>
          </cell>
          <cell r="O376">
            <v>1</v>
          </cell>
        </row>
        <row r="377">
          <cell r="C377">
            <v>52860</v>
          </cell>
          <cell r="D377" t="str">
            <v>OS/2WarpBonusPak徹底活用ブック</v>
          </cell>
          <cell r="E377">
            <v>2136</v>
          </cell>
          <cell r="F377" t="str">
            <v>286-1</v>
          </cell>
          <cell r="G377">
            <v>33</v>
          </cell>
          <cell r="J377">
            <v>105080</v>
          </cell>
          <cell r="K377">
            <v>0</v>
          </cell>
          <cell r="L377">
            <v>0</v>
          </cell>
          <cell r="N377">
            <v>11</v>
          </cell>
          <cell r="O377">
            <v>1</v>
          </cell>
        </row>
        <row r="378">
          <cell r="C378">
            <v>52870</v>
          </cell>
          <cell r="D378" t="str">
            <v>デジタル生活技法</v>
          </cell>
          <cell r="E378">
            <v>1748</v>
          </cell>
          <cell r="F378" t="str">
            <v>287-8</v>
          </cell>
          <cell r="G378">
            <v>33</v>
          </cell>
          <cell r="J378">
            <v>105090</v>
          </cell>
          <cell r="L378">
            <v>0</v>
          </cell>
          <cell r="N378">
            <v>11</v>
          </cell>
          <cell r="O378">
            <v>2</v>
          </cell>
        </row>
        <row r="379">
          <cell r="C379">
            <v>52880</v>
          </cell>
          <cell r="D379" t="str">
            <v>リムネットではじめるインターネット</v>
          </cell>
          <cell r="E379">
            <v>1942</v>
          </cell>
          <cell r="F379" t="str">
            <v>288-5</v>
          </cell>
          <cell r="G379">
            <v>33</v>
          </cell>
          <cell r="J379">
            <v>105100</v>
          </cell>
          <cell r="N379">
            <v>11</v>
          </cell>
          <cell r="O379">
            <v>1</v>
          </cell>
        </row>
        <row r="380">
          <cell r="C380">
            <v>52890</v>
          </cell>
          <cell r="D380" t="str">
            <v>OraclePowerObjectsビギナーズガイド</v>
          </cell>
          <cell r="E380">
            <v>2718</v>
          </cell>
          <cell r="F380" t="str">
            <v>289-2</v>
          </cell>
          <cell r="G380">
            <v>33</v>
          </cell>
          <cell r="J380">
            <v>105110</v>
          </cell>
          <cell r="K380" t="str">
            <v>B</v>
          </cell>
          <cell r="L380">
            <v>0</v>
          </cell>
          <cell r="N380">
            <v>11</v>
          </cell>
          <cell r="O380">
            <v>1</v>
          </cell>
        </row>
        <row r="381">
          <cell r="C381">
            <v>52900</v>
          </cell>
          <cell r="D381" t="str">
            <v>PC-PAGE データ変換ハンドブック</v>
          </cell>
          <cell r="E381">
            <v>1553</v>
          </cell>
          <cell r="F381" t="str">
            <v>290-8</v>
          </cell>
          <cell r="G381">
            <v>33</v>
          </cell>
          <cell r="J381">
            <v>105120</v>
          </cell>
          <cell r="K381">
            <v>0</v>
          </cell>
          <cell r="L381">
            <v>0</v>
          </cell>
          <cell r="N381">
            <v>11</v>
          </cell>
          <cell r="O381">
            <v>1</v>
          </cell>
        </row>
        <row r="382">
          <cell r="C382">
            <v>52910</v>
          </cell>
          <cell r="D382" t="str">
            <v>VisualC++プログラム開発技法</v>
          </cell>
          <cell r="E382">
            <v>4369</v>
          </cell>
          <cell r="F382" t="str">
            <v>291-5</v>
          </cell>
          <cell r="G382">
            <v>33</v>
          </cell>
          <cell r="J382">
            <v>105130</v>
          </cell>
          <cell r="N382">
            <v>11</v>
          </cell>
          <cell r="O382">
            <v>1</v>
          </cell>
        </row>
        <row r="383">
          <cell r="C383">
            <v>52920</v>
          </cell>
          <cell r="D383" t="str">
            <v>賢治童話</v>
          </cell>
          <cell r="E383">
            <v>2330</v>
          </cell>
          <cell r="F383" t="str">
            <v>292-2</v>
          </cell>
          <cell r="G383">
            <v>11</v>
          </cell>
          <cell r="J383">
            <v>105140</v>
          </cell>
          <cell r="K383" t="str">
            <v>A</v>
          </cell>
          <cell r="N383">
            <v>11</v>
          </cell>
          <cell r="O383">
            <v>2</v>
          </cell>
        </row>
        <row r="384">
          <cell r="C384">
            <v>52930</v>
          </cell>
          <cell r="D384" t="str">
            <v>ディセントシークレットブック</v>
          </cell>
          <cell r="E384">
            <v>2136</v>
          </cell>
          <cell r="F384" t="str">
            <v>293-9</v>
          </cell>
          <cell r="G384">
            <v>33</v>
          </cell>
          <cell r="J384">
            <v>105150</v>
          </cell>
          <cell r="K384" t="str">
            <v>A</v>
          </cell>
          <cell r="N384">
            <v>11</v>
          </cell>
          <cell r="O384">
            <v>2</v>
          </cell>
        </row>
        <row r="385">
          <cell r="C385">
            <v>52940</v>
          </cell>
          <cell r="D385" t="str">
            <v>ワールドワイドウェッブ大図鑑</v>
          </cell>
          <cell r="E385">
            <v>2330</v>
          </cell>
          <cell r="F385" t="str">
            <v>294-6</v>
          </cell>
          <cell r="G385">
            <v>33</v>
          </cell>
          <cell r="J385">
            <v>105160</v>
          </cell>
          <cell r="K385" t="str">
            <v>B</v>
          </cell>
          <cell r="N385">
            <v>11</v>
          </cell>
          <cell r="O385">
            <v>2</v>
          </cell>
        </row>
        <row r="386">
          <cell r="C386">
            <v>52950</v>
          </cell>
          <cell r="D386" t="str">
            <v>横尾忠則 三日月旅行</v>
          </cell>
          <cell r="E386">
            <v>9515</v>
          </cell>
          <cell r="F386" t="str">
            <v>295-3</v>
          </cell>
          <cell r="G386">
            <v>33</v>
          </cell>
          <cell r="J386">
            <v>105440</v>
          </cell>
          <cell r="K386" t="str">
            <v>B</v>
          </cell>
          <cell r="L386">
            <v>0</v>
          </cell>
          <cell r="N386">
            <v>11</v>
          </cell>
          <cell r="O386">
            <v>1</v>
          </cell>
        </row>
        <row r="387">
          <cell r="C387">
            <v>52960</v>
          </cell>
          <cell r="D387" t="str">
            <v>ウィンドウズで飛び込むインターネット</v>
          </cell>
          <cell r="E387">
            <v>1748</v>
          </cell>
          <cell r="F387" t="str">
            <v>296-0</v>
          </cell>
          <cell r="G387">
            <v>33</v>
          </cell>
          <cell r="J387">
            <v>105460</v>
          </cell>
          <cell r="M387">
            <v>0</v>
          </cell>
          <cell r="N387">
            <v>11</v>
          </cell>
          <cell r="O387">
            <v>2</v>
          </cell>
        </row>
        <row r="388">
          <cell r="C388">
            <v>52970</v>
          </cell>
          <cell r="D388" t="str">
            <v>Illustrator5.0Jスーパーバイブル</v>
          </cell>
          <cell r="E388">
            <v>4369</v>
          </cell>
          <cell r="F388" t="str">
            <v>297-7</v>
          </cell>
          <cell r="G388">
            <v>33</v>
          </cell>
          <cell r="J388">
            <v>105470</v>
          </cell>
          <cell r="K388" t="str">
            <v>B</v>
          </cell>
          <cell r="N388">
            <v>11</v>
          </cell>
          <cell r="O388">
            <v>2</v>
          </cell>
        </row>
        <row r="389">
          <cell r="C389">
            <v>52980</v>
          </cell>
          <cell r="D389" t="str">
            <v>Photoshop3.0Jビギナーズブック</v>
          </cell>
          <cell r="E389">
            <v>3883</v>
          </cell>
          <cell r="F389" t="str">
            <v>298-4</v>
          </cell>
          <cell r="G389">
            <v>33</v>
          </cell>
          <cell r="J389">
            <v>105520</v>
          </cell>
          <cell r="K389">
            <v>0</v>
          </cell>
          <cell r="L389">
            <v>0</v>
          </cell>
          <cell r="N389">
            <v>11</v>
          </cell>
          <cell r="O389">
            <v>1</v>
          </cell>
        </row>
        <row r="390">
          <cell r="C390">
            <v>52990</v>
          </cell>
          <cell r="D390" t="str">
            <v>インターネットにお店を持つ方法</v>
          </cell>
          <cell r="E390">
            <v>1553</v>
          </cell>
          <cell r="F390" t="str">
            <v>299-1</v>
          </cell>
          <cell r="G390">
            <v>33</v>
          </cell>
          <cell r="J390">
            <v>105530</v>
          </cell>
          <cell r="K390" t="str">
            <v>C</v>
          </cell>
          <cell r="N390">
            <v>11</v>
          </cell>
          <cell r="O390">
            <v>1</v>
          </cell>
        </row>
        <row r="391">
          <cell r="C391">
            <v>53000</v>
          </cell>
          <cell r="D391" t="str">
            <v>原節子伝説</v>
          </cell>
          <cell r="E391">
            <v>2330</v>
          </cell>
          <cell r="F391" t="str">
            <v>300-4</v>
          </cell>
          <cell r="G391">
            <v>33</v>
          </cell>
          <cell r="J391">
            <v>105550</v>
          </cell>
          <cell r="K391">
            <v>0</v>
          </cell>
          <cell r="L391">
            <v>0</v>
          </cell>
          <cell r="N391">
            <v>11</v>
          </cell>
          <cell r="O391">
            <v>1</v>
          </cell>
        </row>
        <row r="392">
          <cell r="C392">
            <v>53010</v>
          </cell>
          <cell r="D392" t="str">
            <v>Excel5.0 for Macintoshショートカットガイド</v>
          </cell>
          <cell r="E392">
            <v>1456</v>
          </cell>
          <cell r="F392" t="str">
            <v>301-1</v>
          </cell>
          <cell r="G392">
            <v>33</v>
          </cell>
          <cell r="J392">
            <v>105600</v>
          </cell>
          <cell r="K392">
            <v>0</v>
          </cell>
          <cell r="L392">
            <v>0</v>
          </cell>
          <cell r="N392">
            <v>11</v>
          </cell>
          <cell r="O392">
            <v>1</v>
          </cell>
        </row>
        <row r="393">
          <cell r="C393">
            <v>53020</v>
          </cell>
          <cell r="D393" t="str">
            <v>Word6.0 for Macintoshショートカットガイド</v>
          </cell>
          <cell r="E393">
            <v>1456</v>
          </cell>
          <cell r="F393" t="str">
            <v>302-8</v>
          </cell>
          <cell r="G393">
            <v>33</v>
          </cell>
          <cell r="J393">
            <v>105610</v>
          </cell>
          <cell r="N393">
            <v>11</v>
          </cell>
          <cell r="O393">
            <v>1</v>
          </cell>
        </row>
        <row r="394">
          <cell r="C394">
            <v>53030</v>
          </cell>
          <cell r="D394" t="str">
            <v>Photoshopフィルターアートテクニック</v>
          </cell>
          <cell r="E394">
            <v>5049</v>
          </cell>
          <cell r="F394" t="str">
            <v>303-5</v>
          </cell>
          <cell r="G394">
            <v>33</v>
          </cell>
          <cell r="J394">
            <v>105620</v>
          </cell>
          <cell r="N394">
            <v>11</v>
          </cell>
          <cell r="O394">
            <v>1</v>
          </cell>
        </row>
        <row r="395">
          <cell r="C395">
            <v>53040</v>
          </cell>
          <cell r="D395" t="str">
            <v>二丁目からウロコ</v>
          </cell>
          <cell r="E395">
            <v>1553</v>
          </cell>
          <cell r="F395" t="str">
            <v>304-2</v>
          </cell>
          <cell r="G395">
            <v>33</v>
          </cell>
          <cell r="J395">
            <v>105630</v>
          </cell>
          <cell r="N395">
            <v>11</v>
          </cell>
          <cell r="O395">
            <v>1</v>
          </cell>
        </row>
        <row r="396">
          <cell r="C396">
            <v>53050</v>
          </cell>
          <cell r="D396" t="str">
            <v>インターネットプログラミング</v>
          </cell>
          <cell r="E396">
            <v>6019</v>
          </cell>
          <cell r="F396" t="str">
            <v>305-9</v>
          </cell>
          <cell r="G396">
            <v>33</v>
          </cell>
          <cell r="J396">
            <v>105650</v>
          </cell>
          <cell r="K396" t="str">
            <v>B</v>
          </cell>
          <cell r="N396">
            <v>11</v>
          </cell>
          <cell r="O396">
            <v>1</v>
          </cell>
        </row>
        <row r="397">
          <cell r="C397">
            <v>53060</v>
          </cell>
          <cell r="D397" t="str">
            <v>Windows年賀状イラストデータ集CD-ROM</v>
          </cell>
          <cell r="E397">
            <v>2427</v>
          </cell>
          <cell r="F397" t="str">
            <v>306-6</v>
          </cell>
          <cell r="G397">
            <v>33</v>
          </cell>
          <cell r="J397">
            <v>105660</v>
          </cell>
          <cell r="K397" t="str">
            <v>C</v>
          </cell>
          <cell r="L397">
            <v>0</v>
          </cell>
          <cell r="N397">
            <v>11</v>
          </cell>
          <cell r="O397">
            <v>1</v>
          </cell>
        </row>
        <row r="398">
          <cell r="C398">
            <v>53080</v>
          </cell>
          <cell r="D398" t="str">
            <v>魔羅の肖像</v>
          </cell>
          <cell r="E398">
            <v>1942</v>
          </cell>
          <cell r="F398" t="str">
            <v>308-0</v>
          </cell>
          <cell r="G398">
            <v>33</v>
          </cell>
          <cell r="J398">
            <v>105680</v>
          </cell>
          <cell r="K398">
            <v>0</v>
          </cell>
          <cell r="L398">
            <v>0</v>
          </cell>
          <cell r="N398">
            <v>11</v>
          </cell>
          <cell r="O398">
            <v>1</v>
          </cell>
        </row>
        <row r="399">
          <cell r="C399">
            <v>53090</v>
          </cell>
          <cell r="D399" t="str">
            <v>OLE2プログラミング技法</v>
          </cell>
          <cell r="E399">
            <v>4369</v>
          </cell>
          <cell r="F399" t="str">
            <v>309-7</v>
          </cell>
          <cell r="G399">
            <v>33</v>
          </cell>
          <cell r="J399">
            <v>105760</v>
          </cell>
          <cell r="N399">
            <v>11</v>
          </cell>
          <cell r="O399">
            <v>1</v>
          </cell>
        </row>
        <row r="400">
          <cell r="C400">
            <v>53100</v>
          </cell>
          <cell r="D400" t="str">
            <v>ジャーゴン</v>
          </cell>
          <cell r="E400">
            <v>3107</v>
          </cell>
          <cell r="F400" t="str">
            <v>310-3</v>
          </cell>
          <cell r="G400">
            <v>33</v>
          </cell>
          <cell r="J400">
            <v>105780</v>
          </cell>
          <cell r="K400" t="str">
            <v>C</v>
          </cell>
          <cell r="L400">
            <v>0</v>
          </cell>
          <cell r="N400">
            <v>11</v>
          </cell>
          <cell r="O400">
            <v>1</v>
          </cell>
        </row>
        <row r="401">
          <cell r="C401">
            <v>53110</v>
          </cell>
          <cell r="D401" t="str">
            <v>サイバーゾーン 帝国の全貌</v>
          </cell>
          <cell r="E401">
            <v>2718</v>
          </cell>
          <cell r="F401" t="str">
            <v>311-0</v>
          </cell>
          <cell r="G401">
            <v>33</v>
          </cell>
          <cell r="J401">
            <v>105810</v>
          </cell>
          <cell r="N401">
            <v>11</v>
          </cell>
          <cell r="O401">
            <v>1</v>
          </cell>
        </row>
        <row r="402">
          <cell r="C402">
            <v>53120</v>
          </cell>
          <cell r="D402" t="str">
            <v>Macintoshプログラミングテクニック</v>
          </cell>
          <cell r="E402">
            <v>5631</v>
          </cell>
          <cell r="F402" t="str">
            <v>312-7</v>
          </cell>
          <cell r="G402">
            <v>33</v>
          </cell>
          <cell r="J402">
            <v>105820</v>
          </cell>
          <cell r="K402" t="str">
            <v>C</v>
          </cell>
          <cell r="L402">
            <v>0</v>
          </cell>
          <cell r="N402">
            <v>11</v>
          </cell>
          <cell r="O402">
            <v>1</v>
          </cell>
        </row>
        <row r="403">
          <cell r="C403">
            <v>53130</v>
          </cell>
          <cell r="D403" t="str">
            <v>Windows95 APIケーススタディ</v>
          </cell>
          <cell r="E403">
            <v>5631</v>
          </cell>
          <cell r="F403" t="str">
            <v>313-4</v>
          </cell>
          <cell r="G403">
            <v>33</v>
          </cell>
          <cell r="J403">
            <v>105830</v>
          </cell>
          <cell r="K403" t="str">
            <v>C</v>
          </cell>
          <cell r="L403">
            <v>0</v>
          </cell>
          <cell r="M403">
            <v>0</v>
          </cell>
          <cell r="N403">
            <v>11</v>
          </cell>
          <cell r="O403">
            <v>1</v>
          </cell>
        </row>
        <row r="404">
          <cell r="C404">
            <v>53140</v>
          </cell>
          <cell r="D404" t="str">
            <v>はじめる Macintosh</v>
          </cell>
          <cell r="E404">
            <v>1553</v>
          </cell>
          <cell r="F404" t="str">
            <v>314-1</v>
          </cell>
          <cell r="G404">
            <v>33</v>
          </cell>
          <cell r="J404">
            <v>105850</v>
          </cell>
          <cell r="K404" t="str">
            <v>B</v>
          </cell>
          <cell r="L404">
            <v>0</v>
          </cell>
          <cell r="M404">
            <v>0</v>
          </cell>
          <cell r="N404">
            <v>11</v>
          </cell>
          <cell r="O404">
            <v>2</v>
          </cell>
        </row>
        <row r="405">
          <cell r="C405">
            <v>53150</v>
          </cell>
          <cell r="D405" t="str">
            <v>はじめる Word6.0 for Macintosh</v>
          </cell>
          <cell r="E405">
            <v>1165</v>
          </cell>
          <cell r="F405" t="str">
            <v>315-8</v>
          </cell>
          <cell r="G405">
            <v>33</v>
          </cell>
          <cell r="J405">
            <v>105860</v>
          </cell>
          <cell r="L405">
            <v>0</v>
          </cell>
          <cell r="N405">
            <v>11</v>
          </cell>
          <cell r="O405">
            <v>1</v>
          </cell>
        </row>
        <row r="406">
          <cell r="C406">
            <v>53160</v>
          </cell>
          <cell r="D406" t="str">
            <v>はじめる Excel5.0 for Macintosh</v>
          </cell>
          <cell r="E406">
            <v>1165</v>
          </cell>
          <cell r="F406" t="str">
            <v>316-5</v>
          </cell>
          <cell r="G406">
            <v>33</v>
          </cell>
          <cell r="J406">
            <v>105870</v>
          </cell>
          <cell r="N406">
            <v>11</v>
          </cell>
          <cell r="O406">
            <v>1</v>
          </cell>
        </row>
        <row r="407">
          <cell r="C407">
            <v>53170</v>
          </cell>
          <cell r="D407" t="str">
            <v>はじめる Windows95</v>
          </cell>
          <cell r="E407">
            <v>1165</v>
          </cell>
          <cell r="F407" t="str">
            <v>317-2</v>
          </cell>
          <cell r="G407">
            <v>33</v>
          </cell>
          <cell r="J407">
            <v>105890</v>
          </cell>
          <cell r="K407" t="str">
            <v>C</v>
          </cell>
          <cell r="N407">
            <v>11</v>
          </cell>
          <cell r="O407">
            <v>1</v>
          </cell>
        </row>
        <row r="408">
          <cell r="C408">
            <v>53180</v>
          </cell>
          <cell r="D408" t="str">
            <v>はじめる Word for Windows95</v>
          </cell>
          <cell r="E408">
            <v>1165</v>
          </cell>
          <cell r="F408" t="str">
            <v>318-9</v>
          </cell>
          <cell r="G408">
            <v>33</v>
          </cell>
          <cell r="J408">
            <v>105900</v>
          </cell>
          <cell r="N408">
            <v>21</v>
          </cell>
          <cell r="O408">
            <v>1</v>
          </cell>
        </row>
        <row r="409">
          <cell r="C409">
            <v>53190</v>
          </cell>
          <cell r="D409" t="str">
            <v>はじめる Excel for Windows95</v>
          </cell>
          <cell r="E409">
            <v>1165</v>
          </cell>
          <cell r="F409" t="str">
            <v>319-6</v>
          </cell>
          <cell r="G409">
            <v>33</v>
          </cell>
          <cell r="J409">
            <v>105910</v>
          </cell>
          <cell r="N409">
            <v>33</v>
          </cell>
          <cell r="O409">
            <v>1</v>
          </cell>
        </row>
        <row r="410">
          <cell r="C410">
            <v>53200</v>
          </cell>
          <cell r="D410" t="str">
            <v>今夜わかる Windows95カラーガイド</v>
          </cell>
          <cell r="E410">
            <v>1748</v>
          </cell>
          <cell r="F410" t="str">
            <v>320-2</v>
          </cell>
          <cell r="G410">
            <v>33</v>
          </cell>
          <cell r="J410">
            <v>105920</v>
          </cell>
          <cell r="K410" t="str">
            <v>C</v>
          </cell>
          <cell r="L410">
            <v>0</v>
          </cell>
          <cell r="N410">
            <v>11</v>
          </cell>
          <cell r="O410">
            <v>1</v>
          </cell>
        </row>
        <row r="411">
          <cell r="C411">
            <v>53210</v>
          </cell>
          <cell r="D411" t="str">
            <v>今夜わかる Word for Windows95</v>
          </cell>
          <cell r="E411">
            <v>1553</v>
          </cell>
          <cell r="F411" t="str">
            <v>321-9</v>
          </cell>
          <cell r="G411">
            <v>33</v>
          </cell>
          <cell r="J411">
            <v>105970</v>
          </cell>
          <cell r="N411">
            <v>33</v>
          </cell>
          <cell r="O411">
            <v>1</v>
          </cell>
        </row>
        <row r="412">
          <cell r="C412">
            <v>53230</v>
          </cell>
          <cell r="D412" t="str">
            <v>今夜わかる Excel for Windows95</v>
          </cell>
          <cell r="E412">
            <v>1553</v>
          </cell>
          <cell r="F412" t="str">
            <v>323-3</v>
          </cell>
          <cell r="G412">
            <v>33</v>
          </cell>
          <cell r="J412">
            <v>105980</v>
          </cell>
          <cell r="K412">
            <v>0</v>
          </cell>
          <cell r="L412">
            <v>0</v>
          </cell>
          <cell r="N412">
            <v>11</v>
          </cell>
          <cell r="O412">
            <v>1</v>
          </cell>
        </row>
        <row r="413">
          <cell r="C413">
            <v>53240</v>
          </cell>
          <cell r="D413" t="str">
            <v>Windows95ショートカットガイド</v>
          </cell>
          <cell r="E413">
            <v>1456</v>
          </cell>
          <cell r="F413" t="str">
            <v>324-0</v>
          </cell>
          <cell r="G413">
            <v>33</v>
          </cell>
          <cell r="J413">
            <v>105990</v>
          </cell>
          <cell r="K413" t="str">
            <v>B</v>
          </cell>
          <cell r="L413" t="str">
            <v>B</v>
          </cell>
          <cell r="M413" t="str">
            <v>●</v>
          </cell>
          <cell r="N413">
            <v>11</v>
          </cell>
          <cell r="O413">
            <v>2</v>
          </cell>
        </row>
        <row r="414">
          <cell r="C414">
            <v>53250</v>
          </cell>
          <cell r="D414" t="str">
            <v>定番Windows95操作ガイド</v>
          </cell>
          <cell r="E414">
            <v>2718</v>
          </cell>
          <cell r="F414" t="str">
            <v>325-7</v>
          </cell>
          <cell r="G414">
            <v>33</v>
          </cell>
          <cell r="J414">
            <v>106010</v>
          </cell>
          <cell r="K414">
            <v>0</v>
          </cell>
          <cell r="L414">
            <v>0</v>
          </cell>
          <cell r="N414">
            <v>11</v>
          </cell>
          <cell r="O414">
            <v>1</v>
          </cell>
        </row>
        <row r="415">
          <cell r="C415">
            <v>53270</v>
          </cell>
          <cell r="D415" t="str">
            <v>PC-PAGE Windows95 特別集中講義</v>
          </cell>
          <cell r="E415">
            <v>1553</v>
          </cell>
          <cell r="F415" t="str">
            <v>327-1</v>
          </cell>
          <cell r="G415">
            <v>33</v>
          </cell>
          <cell r="J415">
            <v>106020</v>
          </cell>
          <cell r="N415">
            <v>11</v>
          </cell>
          <cell r="O415">
            <v>1</v>
          </cell>
        </row>
        <row r="416">
          <cell r="C416">
            <v>53280</v>
          </cell>
          <cell r="D416" t="str">
            <v>DOS/Vパソコン購入バイブル</v>
          </cell>
          <cell r="E416">
            <v>1553</v>
          </cell>
          <cell r="F416" t="str">
            <v>328-8</v>
          </cell>
          <cell r="G416">
            <v>33</v>
          </cell>
          <cell r="J416">
            <v>106030</v>
          </cell>
          <cell r="K416" t="str">
            <v>A</v>
          </cell>
          <cell r="N416">
            <v>11</v>
          </cell>
          <cell r="O416">
            <v>1</v>
          </cell>
        </row>
        <row r="417">
          <cell r="C417">
            <v>53290</v>
          </cell>
          <cell r="D417" t="str">
            <v>サイバーキッチンミュージック</v>
          </cell>
          <cell r="E417">
            <v>2718</v>
          </cell>
          <cell r="F417" t="str">
            <v>329-5</v>
          </cell>
          <cell r="G417">
            <v>33</v>
          </cell>
          <cell r="J417">
            <v>106050</v>
          </cell>
          <cell r="N417">
            <v>11</v>
          </cell>
          <cell r="O417">
            <v>1</v>
          </cell>
        </row>
        <row r="418">
          <cell r="C418">
            <v>53300</v>
          </cell>
          <cell r="D418" t="str">
            <v>AQUAZONE電子熱帯魚の飼い方</v>
          </cell>
          <cell r="E418">
            <v>1456</v>
          </cell>
          <cell r="F418" t="str">
            <v>330-1</v>
          </cell>
          <cell r="G418">
            <v>33</v>
          </cell>
          <cell r="J418">
            <v>106060</v>
          </cell>
          <cell r="K418">
            <v>0</v>
          </cell>
          <cell r="L418">
            <v>0</v>
          </cell>
          <cell r="N418">
            <v>11</v>
          </cell>
          <cell r="O418">
            <v>1</v>
          </cell>
        </row>
        <row r="419">
          <cell r="C419">
            <v>53310</v>
          </cell>
          <cell r="D419" t="str">
            <v>インフォトロン完全攻略ガイド</v>
          </cell>
          <cell r="E419">
            <v>1553</v>
          </cell>
          <cell r="F419" t="str">
            <v>331-8</v>
          </cell>
          <cell r="G419">
            <v>33</v>
          </cell>
          <cell r="J419">
            <v>106080</v>
          </cell>
          <cell r="N419">
            <v>21</v>
          </cell>
          <cell r="O419">
            <v>1</v>
          </cell>
        </row>
        <row r="420">
          <cell r="C420">
            <v>53330</v>
          </cell>
          <cell r="D420" t="str">
            <v>ジャーニーマンプロジェクト2ベリードインタイムシークレットブック</v>
          </cell>
          <cell r="E420">
            <v>1942</v>
          </cell>
          <cell r="F420" t="str">
            <v>333-2</v>
          </cell>
          <cell r="G420">
            <v>33</v>
          </cell>
          <cell r="J420">
            <v>106090</v>
          </cell>
          <cell r="N420">
            <v>21</v>
          </cell>
          <cell r="O420">
            <v>1</v>
          </cell>
        </row>
        <row r="421">
          <cell r="C421">
            <v>53350</v>
          </cell>
          <cell r="D421" t="str">
            <v>OADGカタログ Vol.8(95.11)</v>
          </cell>
          <cell r="E421">
            <v>3689</v>
          </cell>
          <cell r="F421" t="str">
            <v>335-6</v>
          </cell>
          <cell r="G421">
            <v>33</v>
          </cell>
          <cell r="J421">
            <v>106110</v>
          </cell>
          <cell r="K421">
            <v>0</v>
          </cell>
          <cell r="L421">
            <v>0</v>
          </cell>
          <cell r="N421">
            <v>11</v>
          </cell>
          <cell r="O421">
            <v>1</v>
          </cell>
        </row>
        <row r="422">
          <cell r="C422">
            <v>53360</v>
          </cell>
          <cell r="D422" t="str">
            <v>EmTerm95ライセンスパック</v>
          </cell>
          <cell r="E422">
            <v>3689</v>
          </cell>
          <cell r="F422" t="str">
            <v>336-3</v>
          </cell>
          <cell r="G422">
            <v>33</v>
          </cell>
          <cell r="J422">
            <v>106140</v>
          </cell>
          <cell r="K422" t="str">
            <v>C</v>
          </cell>
          <cell r="M422">
            <v>0</v>
          </cell>
          <cell r="N422">
            <v>11</v>
          </cell>
          <cell r="O422">
            <v>2</v>
          </cell>
        </row>
        <row r="423">
          <cell r="C423">
            <v>53370</v>
          </cell>
          <cell r="D423" t="str">
            <v>さんぽ</v>
          </cell>
          <cell r="E423">
            <v>1165</v>
          </cell>
          <cell r="F423" t="str">
            <v>337-0</v>
          </cell>
          <cell r="G423">
            <v>33</v>
          </cell>
          <cell r="J423">
            <v>106180</v>
          </cell>
          <cell r="K423" t="str">
            <v>B</v>
          </cell>
          <cell r="L423">
            <v>0</v>
          </cell>
          <cell r="N423">
            <v>11</v>
          </cell>
          <cell r="O423">
            <v>1</v>
          </cell>
        </row>
        <row r="424">
          <cell r="C424">
            <v>53380</v>
          </cell>
          <cell r="D424" t="str">
            <v>じゃじゃ馬</v>
          </cell>
          <cell r="E424">
            <v>1165</v>
          </cell>
          <cell r="F424" t="str">
            <v>338-7</v>
          </cell>
          <cell r="G424">
            <v>33</v>
          </cell>
          <cell r="J424">
            <v>106260</v>
          </cell>
          <cell r="N424">
            <v>11</v>
          </cell>
          <cell r="O424">
            <v>1</v>
          </cell>
        </row>
        <row r="425">
          <cell r="C425">
            <v>53390</v>
          </cell>
          <cell r="D425" t="str">
            <v>Delphiプログラミング大全</v>
          </cell>
          <cell r="E425">
            <v>5631</v>
          </cell>
          <cell r="F425" t="str">
            <v>339-4</v>
          </cell>
          <cell r="G425">
            <v>33</v>
          </cell>
          <cell r="J425">
            <v>106300</v>
          </cell>
          <cell r="N425">
            <v>11</v>
          </cell>
          <cell r="O425">
            <v>1</v>
          </cell>
        </row>
        <row r="426">
          <cell r="C426">
            <v>53400</v>
          </cell>
          <cell r="D426" t="str">
            <v>Windows95完全カスタマイズマニュアル</v>
          </cell>
          <cell r="E426">
            <v>1553</v>
          </cell>
          <cell r="F426" t="str">
            <v>340-0</v>
          </cell>
          <cell r="G426">
            <v>33</v>
          </cell>
          <cell r="J426">
            <v>106310</v>
          </cell>
          <cell r="N426">
            <v>11</v>
          </cell>
          <cell r="O426">
            <v>1</v>
          </cell>
        </row>
        <row r="427">
          <cell r="C427">
            <v>53410</v>
          </cell>
          <cell r="D427" t="str">
            <v>クィアパラダイス</v>
          </cell>
          <cell r="E427">
            <v>1456</v>
          </cell>
          <cell r="F427" t="str">
            <v>341-7</v>
          </cell>
          <cell r="G427">
            <v>33</v>
          </cell>
          <cell r="J427">
            <v>106320</v>
          </cell>
          <cell r="K427">
            <v>0</v>
          </cell>
          <cell r="L427">
            <v>0</v>
          </cell>
          <cell r="N427">
            <v>11</v>
          </cell>
          <cell r="O427">
            <v>1</v>
          </cell>
        </row>
        <row r="428">
          <cell r="C428">
            <v>53430</v>
          </cell>
          <cell r="D428" t="str">
            <v>ゆけゆけ!シングルウーマン</v>
          </cell>
          <cell r="E428">
            <v>1165</v>
          </cell>
          <cell r="F428" t="str">
            <v>343-1</v>
          </cell>
          <cell r="G428">
            <v>33</v>
          </cell>
          <cell r="J428">
            <v>106330</v>
          </cell>
          <cell r="K428" t="str">
            <v>C</v>
          </cell>
          <cell r="N428">
            <v>11</v>
          </cell>
          <cell r="O428">
            <v>1</v>
          </cell>
        </row>
        <row r="429">
          <cell r="C429">
            <v>53440</v>
          </cell>
          <cell r="D429" t="str">
            <v>ORACLEデータベースビギナーズガイド</v>
          </cell>
          <cell r="E429">
            <v>4854</v>
          </cell>
          <cell r="F429" t="str">
            <v>344-8</v>
          </cell>
          <cell r="G429">
            <v>33</v>
          </cell>
          <cell r="J429">
            <v>106370</v>
          </cell>
          <cell r="K429" t="str">
            <v>C</v>
          </cell>
          <cell r="L429">
            <v>0</v>
          </cell>
          <cell r="N429">
            <v>21</v>
          </cell>
          <cell r="O429">
            <v>1</v>
          </cell>
        </row>
        <row r="430">
          <cell r="C430">
            <v>53450</v>
          </cell>
          <cell r="D430" t="str">
            <v>Windows95 裏ワザ大全</v>
          </cell>
          <cell r="E430">
            <v>2718</v>
          </cell>
          <cell r="F430" t="str">
            <v>345-5</v>
          </cell>
          <cell r="G430">
            <v>33</v>
          </cell>
          <cell r="J430">
            <v>106380</v>
          </cell>
          <cell r="K430" t="str">
            <v>C</v>
          </cell>
          <cell r="N430">
            <v>11</v>
          </cell>
          <cell r="O430">
            <v>1</v>
          </cell>
        </row>
        <row r="431">
          <cell r="C431">
            <v>53460</v>
          </cell>
          <cell r="D431" t="str">
            <v>電子メールがわかる本</v>
          </cell>
          <cell r="E431">
            <v>2427</v>
          </cell>
          <cell r="F431" t="str">
            <v>346-2</v>
          </cell>
          <cell r="G431">
            <v>33</v>
          </cell>
          <cell r="J431">
            <v>106390</v>
          </cell>
          <cell r="N431">
            <v>11</v>
          </cell>
          <cell r="O431">
            <v>1</v>
          </cell>
        </row>
        <row r="432">
          <cell r="C432">
            <v>53470</v>
          </cell>
          <cell r="D432" t="str">
            <v>PCパーフェクトガイド</v>
          </cell>
          <cell r="E432">
            <v>5631</v>
          </cell>
          <cell r="F432" t="str">
            <v>347-9</v>
          </cell>
          <cell r="G432">
            <v>33</v>
          </cell>
          <cell r="J432">
            <v>106430</v>
          </cell>
          <cell r="K432">
            <v>0</v>
          </cell>
          <cell r="L432">
            <v>0</v>
          </cell>
          <cell r="N432">
            <v>11</v>
          </cell>
          <cell r="O432">
            <v>1</v>
          </cell>
        </row>
        <row r="433">
          <cell r="C433">
            <v>53480</v>
          </cell>
          <cell r="D433" t="str">
            <v>神々の指紋 上巻</v>
          </cell>
          <cell r="E433">
            <v>1456</v>
          </cell>
          <cell r="F433" t="str">
            <v>348-6</v>
          </cell>
          <cell r="G433">
            <v>33</v>
          </cell>
          <cell r="J433">
            <v>106440</v>
          </cell>
          <cell r="K433">
            <v>0</v>
          </cell>
          <cell r="L433">
            <v>0</v>
          </cell>
          <cell r="N433">
            <v>11</v>
          </cell>
          <cell r="O433">
            <v>1</v>
          </cell>
        </row>
        <row r="434">
          <cell r="C434">
            <v>53490</v>
          </cell>
          <cell r="D434" t="str">
            <v>神々の指紋 下巻</v>
          </cell>
          <cell r="E434">
            <v>1456</v>
          </cell>
          <cell r="F434" t="str">
            <v>349-3</v>
          </cell>
          <cell r="G434">
            <v>33</v>
          </cell>
          <cell r="J434">
            <v>106450</v>
          </cell>
          <cell r="K434">
            <v>0</v>
          </cell>
          <cell r="L434">
            <v>0</v>
          </cell>
          <cell r="N434">
            <v>11</v>
          </cell>
          <cell r="O434">
            <v>1</v>
          </cell>
        </row>
        <row r="435">
          <cell r="C435">
            <v>53500</v>
          </cell>
          <cell r="D435" t="str">
            <v>OraclePowerObjectsハンドブック</v>
          </cell>
          <cell r="E435">
            <v>5631</v>
          </cell>
          <cell r="F435" t="str">
            <v>350-9</v>
          </cell>
          <cell r="G435">
            <v>33</v>
          </cell>
          <cell r="J435">
            <v>106470</v>
          </cell>
          <cell r="N435">
            <v>11</v>
          </cell>
          <cell r="O435">
            <v>1</v>
          </cell>
        </row>
        <row r="436">
          <cell r="C436">
            <v>53510</v>
          </cell>
          <cell r="D436" t="str">
            <v>JAVA入門</v>
          </cell>
          <cell r="E436">
            <v>2718</v>
          </cell>
          <cell r="F436" t="str">
            <v>351-6</v>
          </cell>
          <cell r="G436">
            <v>33</v>
          </cell>
          <cell r="J436">
            <v>106490</v>
          </cell>
          <cell r="N436">
            <v>11</v>
          </cell>
          <cell r="O436">
            <v>1</v>
          </cell>
        </row>
        <row r="437">
          <cell r="C437">
            <v>53520</v>
          </cell>
          <cell r="D437" t="str">
            <v>カラーガイド Windows95アイコン大図鑑</v>
          </cell>
          <cell r="E437">
            <v>1748</v>
          </cell>
          <cell r="F437" t="str">
            <v>352-3</v>
          </cell>
          <cell r="G437">
            <v>33</v>
          </cell>
          <cell r="J437">
            <v>106500</v>
          </cell>
          <cell r="N437">
            <v>11</v>
          </cell>
          <cell r="O437">
            <v>1</v>
          </cell>
        </row>
        <row r="438">
          <cell r="C438">
            <v>53530</v>
          </cell>
          <cell r="D438" t="str">
            <v>マッキントッシュトラブル解決法</v>
          </cell>
          <cell r="E438">
            <v>1942</v>
          </cell>
          <cell r="F438" t="str">
            <v>353-0</v>
          </cell>
          <cell r="G438">
            <v>33</v>
          </cell>
          <cell r="J438">
            <v>106570</v>
          </cell>
          <cell r="N438">
            <v>11</v>
          </cell>
          <cell r="O438">
            <v>1</v>
          </cell>
        </row>
        <row r="439">
          <cell r="C439">
            <v>53540</v>
          </cell>
          <cell r="D439" t="str">
            <v>リトルマックブック</v>
          </cell>
          <cell r="E439">
            <v>2330</v>
          </cell>
          <cell r="F439" t="str">
            <v>354-7</v>
          </cell>
          <cell r="G439">
            <v>33</v>
          </cell>
          <cell r="J439">
            <v>106630</v>
          </cell>
          <cell r="N439">
            <v>11</v>
          </cell>
          <cell r="O439">
            <v>1</v>
          </cell>
        </row>
        <row r="440">
          <cell r="C440">
            <v>53550</v>
          </cell>
          <cell r="D440" t="str">
            <v>クリエーターのためのWebデザインガイド for Macintosh</v>
          </cell>
          <cell r="E440">
            <v>3200</v>
          </cell>
          <cell r="F440" t="str">
            <v>355-4</v>
          </cell>
          <cell r="G440">
            <v>33</v>
          </cell>
          <cell r="J440">
            <v>106650</v>
          </cell>
          <cell r="K440">
            <v>0</v>
          </cell>
          <cell r="L440">
            <v>0</v>
          </cell>
          <cell r="N440">
            <v>11</v>
          </cell>
          <cell r="O440">
            <v>1</v>
          </cell>
        </row>
        <row r="441">
          <cell r="C441">
            <v>53560</v>
          </cell>
          <cell r="D441" t="str">
            <v>ネット.トラベラーズ'96</v>
          </cell>
          <cell r="E441">
            <v>1165</v>
          </cell>
          <cell r="F441" t="str">
            <v>356-1</v>
          </cell>
          <cell r="G441">
            <v>33</v>
          </cell>
          <cell r="J441">
            <v>106660</v>
          </cell>
          <cell r="K441">
            <v>0</v>
          </cell>
          <cell r="L441">
            <v>0</v>
          </cell>
          <cell r="N441">
            <v>11</v>
          </cell>
          <cell r="O441">
            <v>1</v>
          </cell>
        </row>
        <row r="442">
          <cell r="C442">
            <v>53570</v>
          </cell>
          <cell r="D442" t="str">
            <v>ライブ＆ライブビジュアルテレコミューニケーション入門</v>
          </cell>
          <cell r="E442">
            <v>1553</v>
          </cell>
          <cell r="F442" t="str">
            <v>357-8</v>
          </cell>
          <cell r="G442">
            <v>33</v>
          </cell>
          <cell r="J442">
            <v>106690</v>
          </cell>
          <cell r="K442" t="str">
            <v>C</v>
          </cell>
          <cell r="L442">
            <v>0</v>
          </cell>
          <cell r="M442">
            <v>0</v>
          </cell>
          <cell r="N442">
            <v>11</v>
          </cell>
          <cell r="O442">
            <v>2</v>
          </cell>
        </row>
        <row r="443">
          <cell r="C443">
            <v>53580</v>
          </cell>
          <cell r="D443" t="str">
            <v>Excel for Windows95パワーブック</v>
          </cell>
          <cell r="E443">
            <v>2136</v>
          </cell>
          <cell r="F443" t="str">
            <v>358-5</v>
          </cell>
          <cell r="G443">
            <v>33</v>
          </cell>
          <cell r="J443">
            <v>106730</v>
          </cell>
          <cell r="N443">
            <v>21</v>
          </cell>
          <cell r="O443">
            <v>1</v>
          </cell>
        </row>
        <row r="444">
          <cell r="C444">
            <v>53590</v>
          </cell>
          <cell r="D444" t="str">
            <v>はじめる PowerPoint for Windows95</v>
          </cell>
          <cell r="E444">
            <v>1456</v>
          </cell>
          <cell r="F444" t="str">
            <v>359-2</v>
          </cell>
          <cell r="G444">
            <v>33</v>
          </cell>
          <cell r="J444">
            <v>106740</v>
          </cell>
          <cell r="N444">
            <v>11</v>
          </cell>
          <cell r="O444">
            <v>1</v>
          </cell>
        </row>
        <row r="445">
          <cell r="C445">
            <v>53600</v>
          </cell>
          <cell r="D445" t="str">
            <v>今夜わかる Works for Windows95</v>
          </cell>
          <cell r="E445">
            <v>1748</v>
          </cell>
          <cell r="F445" t="str">
            <v>360-8</v>
          </cell>
          <cell r="G445">
            <v>33</v>
          </cell>
          <cell r="J445">
            <v>106750</v>
          </cell>
          <cell r="K445" t="str">
            <v>C</v>
          </cell>
          <cell r="L445">
            <v>0</v>
          </cell>
          <cell r="N445">
            <v>11</v>
          </cell>
          <cell r="O445">
            <v>1</v>
          </cell>
        </row>
        <row r="446">
          <cell r="C446">
            <v>53610</v>
          </cell>
          <cell r="D446" t="str">
            <v>NIFTY-Serveまるごと便利帳</v>
          </cell>
          <cell r="E446">
            <v>1922</v>
          </cell>
          <cell r="F446" t="str">
            <v>361-5</v>
          </cell>
          <cell r="G446">
            <v>33</v>
          </cell>
          <cell r="J446">
            <v>106790</v>
          </cell>
          <cell r="K446" t="str">
            <v>C</v>
          </cell>
          <cell r="N446">
            <v>11</v>
          </cell>
          <cell r="O446">
            <v>1</v>
          </cell>
        </row>
        <row r="447">
          <cell r="C447">
            <v>53620</v>
          </cell>
          <cell r="D447" t="str">
            <v>新版 WTERMスーパーバージョン+ブック</v>
          </cell>
          <cell r="E447">
            <v>2427</v>
          </cell>
          <cell r="F447" t="str">
            <v>362-2</v>
          </cell>
          <cell r="G447">
            <v>33</v>
          </cell>
          <cell r="J447">
            <v>106800</v>
          </cell>
          <cell r="L447">
            <v>0</v>
          </cell>
          <cell r="N447">
            <v>11</v>
          </cell>
          <cell r="O447">
            <v>1</v>
          </cell>
        </row>
        <row r="448">
          <cell r="C448">
            <v>53630</v>
          </cell>
          <cell r="D448" t="str">
            <v>C/C++プログラマのためのWindows95プログラミング</v>
          </cell>
          <cell r="E448">
            <v>3107</v>
          </cell>
          <cell r="F448" t="str">
            <v>363-9</v>
          </cell>
          <cell r="G448">
            <v>33</v>
          </cell>
          <cell r="J448">
            <v>106860</v>
          </cell>
          <cell r="N448">
            <v>11</v>
          </cell>
          <cell r="O448">
            <v>1</v>
          </cell>
        </row>
        <row r="449">
          <cell r="C449">
            <v>53640</v>
          </cell>
          <cell r="D449" t="str">
            <v>東芝BREZZAではじめるWindows95ビギナーズブック</v>
          </cell>
          <cell r="E449">
            <v>1748</v>
          </cell>
          <cell r="F449" t="str">
            <v>364-6</v>
          </cell>
          <cell r="G449">
            <v>33</v>
          </cell>
          <cell r="J449">
            <v>106870</v>
          </cell>
          <cell r="K449" t="str">
            <v>B</v>
          </cell>
          <cell r="N449">
            <v>11</v>
          </cell>
          <cell r="O449">
            <v>1</v>
          </cell>
        </row>
        <row r="450">
          <cell r="C450">
            <v>53650</v>
          </cell>
          <cell r="D450" t="str">
            <v>YAHOO!インターネット.イエローページ</v>
          </cell>
          <cell r="E450">
            <v>4078</v>
          </cell>
          <cell r="F450" t="str">
            <v>365-3</v>
          </cell>
          <cell r="G450">
            <v>33</v>
          </cell>
          <cell r="J450">
            <v>106880</v>
          </cell>
          <cell r="K450" t="str">
            <v>C</v>
          </cell>
          <cell r="L450">
            <v>0</v>
          </cell>
          <cell r="M450">
            <v>0</v>
          </cell>
          <cell r="N450">
            <v>11</v>
          </cell>
          <cell r="O450">
            <v>2</v>
          </cell>
        </row>
        <row r="451">
          <cell r="C451">
            <v>53660</v>
          </cell>
          <cell r="D451" t="str">
            <v>Windowsゲームプログラミング</v>
          </cell>
          <cell r="E451">
            <v>6602</v>
          </cell>
          <cell r="F451" t="str">
            <v>366-0</v>
          </cell>
          <cell r="G451">
            <v>33</v>
          </cell>
          <cell r="J451">
            <v>106890</v>
          </cell>
          <cell r="K451" t="str">
            <v>B</v>
          </cell>
          <cell r="N451">
            <v>11</v>
          </cell>
          <cell r="O451">
            <v>3</v>
          </cell>
        </row>
        <row r="452">
          <cell r="C452">
            <v>53670</v>
          </cell>
          <cell r="D452" t="str">
            <v>独習VisualBasic4.0</v>
          </cell>
          <cell r="E452">
            <v>3107</v>
          </cell>
          <cell r="F452" t="str">
            <v>367-7</v>
          </cell>
          <cell r="G452">
            <v>33</v>
          </cell>
          <cell r="J452">
            <v>106950</v>
          </cell>
          <cell r="K452" t="str">
            <v>C</v>
          </cell>
          <cell r="N452">
            <v>11</v>
          </cell>
          <cell r="O452">
            <v>1</v>
          </cell>
        </row>
        <row r="453">
          <cell r="C453">
            <v>53680</v>
          </cell>
          <cell r="D453" t="str">
            <v>ユーザーインターフェイスデザイン</v>
          </cell>
          <cell r="E453">
            <v>5049</v>
          </cell>
          <cell r="F453" t="str">
            <v>368-4</v>
          </cell>
          <cell r="G453">
            <v>33</v>
          </cell>
          <cell r="J453">
            <v>106970</v>
          </cell>
          <cell r="K453" t="str">
            <v>C</v>
          </cell>
          <cell r="N453">
            <v>11</v>
          </cell>
          <cell r="O453">
            <v>1</v>
          </cell>
        </row>
        <row r="454">
          <cell r="C454">
            <v>53690</v>
          </cell>
          <cell r="D454" t="str">
            <v>オールドミスターブラッド</v>
          </cell>
          <cell r="E454">
            <v>1456</v>
          </cell>
          <cell r="F454" t="str">
            <v>369-1</v>
          </cell>
          <cell r="G454">
            <v>33</v>
          </cell>
          <cell r="J454">
            <v>106980</v>
          </cell>
          <cell r="L454">
            <v>0</v>
          </cell>
          <cell r="N454">
            <v>11</v>
          </cell>
          <cell r="O454">
            <v>1</v>
          </cell>
        </row>
        <row r="455">
          <cell r="C455">
            <v>53700</v>
          </cell>
          <cell r="D455" t="str">
            <v>京都ディープ観光</v>
          </cell>
          <cell r="E455">
            <v>1553</v>
          </cell>
          <cell r="F455" t="str">
            <v>370-7</v>
          </cell>
          <cell r="G455">
            <v>33</v>
          </cell>
          <cell r="J455">
            <v>106990</v>
          </cell>
          <cell r="K455" t="str">
            <v>C</v>
          </cell>
          <cell r="N455">
            <v>11</v>
          </cell>
          <cell r="O455">
            <v>1</v>
          </cell>
        </row>
        <row r="456">
          <cell r="C456">
            <v>53710</v>
          </cell>
          <cell r="D456" t="str">
            <v>今夜わかる パソコン カラーガイド</v>
          </cell>
          <cell r="E456">
            <v>1553</v>
          </cell>
          <cell r="F456" t="str">
            <v>371-4</v>
          </cell>
          <cell r="G456">
            <v>33</v>
          </cell>
          <cell r="J456">
            <v>107030</v>
          </cell>
          <cell r="N456">
            <v>11</v>
          </cell>
          <cell r="O456">
            <v>1</v>
          </cell>
        </row>
        <row r="457">
          <cell r="C457">
            <v>53720</v>
          </cell>
          <cell r="D457" t="str">
            <v>オンラインソフトコレクション占いの館96</v>
          </cell>
          <cell r="E457">
            <v>1942</v>
          </cell>
          <cell r="F457" t="str">
            <v>372-1</v>
          </cell>
          <cell r="G457">
            <v>33</v>
          </cell>
          <cell r="J457">
            <v>107040</v>
          </cell>
          <cell r="N457">
            <v>11</v>
          </cell>
          <cell r="O457">
            <v>1</v>
          </cell>
        </row>
        <row r="458">
          <cell r="C458">
            <v>53730</v>
          </cell>
          <cell r="D458" t="str">
            <v>はじめる Access for Windows95</v>
          </cell>
          <cell r="E458">
            <v>1456</v>
          </cell>
          <cell r="F458" t="str">
            <v>373-8</v>
          </cell>
          <cell r="G458">
            <v>33</v>
          </cell>
          <cell r="J458">
            <v>107090</v>
          </cell>
          <cell r="K458">
            <v>0</v>
          </cell>
          <cell r="L458">
            <v>0</v>
          </cell>
          <cell r="N458">
            <v>11</v>
          </cell>
          <cell r="O458">
            <v>1</v>
          </cell>
        </row>
        <row r="459">
          <cell r="C459">
            <v>53740</v>
          </cell>
          <cell r="D459" t="str">
            <v>PalmTopPC110電脳生活マニュアル</v>
          </cell>
          <cell r="E459">
            <v>1553</v>
          </cell>
          <cell r="F459" t="str">
            <v>374-5</v>
          </cell>
          <cell r="G459">
            <v>33</v>
          </cell>
          <cell r="J459">
            <v>107100</v>
          </cell>
          <cell r="N459">
            <v>11</v>
          </cell>
          <cell r="O459">
            <v>1</v>
          </cell>
        </row>
        <row r="460">
          <cell r="C460">
            <v>53750</v>
          </cell>
          <cell r="D460" t="str">
            <v>続 インターネットにお店を持つ方法</v>
          </cell>
          <cell r="E460">
            <v>1553</v>
          </cell>
          <cell r="F460" t="str">
            <v>375-2</v>
          </cell>
          <cell r="G460">
            <v>33</v>
          </cell>
          <cell r="J460">
            <v>107110</v>
          </cell>
          <cell r="K460" t="str">
            <v>B</v>
          </cell>
          <cell r="N460">
            <v>11</v>
          </cell>
          <cell r="O460">
            <v>2</v>
          </cell>
        </row>
        <row r="461">
          <cell r="C461">
            <v>53760</v>
          </cell>
          <cell r="D461" t="str">
            <v>マイクロソフトゴルフシークレットブック</v>
          </cell>
          <cell r="E461">
            <v>1942</v>
          </cell>
          <cell r="F461" t="str">
            <v>376-9</v>
          </cell>
          <cell r="G461">
            <v>33</v>
          </cell>
          <cell r="J461">
            <v>107120</v>
          </cell>
          <cell r="K461" t="str">
            <v>B</v>
          </cell>
          <cell r="N461">
            <v>11</v>
          </cell>
          <cell r="O461">
            <v>1</v>
          </cell>
        </row>
        <row r="462">
          <cell r="C462">
            <v>53770</v>
          </cell>
          <cell r="D462" t="str">
            <v>はじめてのＲＩＫＯＮ</v>
          </cell>
          <cell r="E462">
            <v>1456</v>
          </cell>
          <cell r="F462" t="str">
            <v>377-6</v>
          </cell>
          <cell r="G462">
            <v>33</v>
          </cell>
          <cell r="J462">
            <v>107130</v>
          </cell>
          <cell r="N462">
            <v>11</v>
          </cell>
          <cell r="O462">
            <v>1</v>
          </cell>
        </row>
        <row r="463">
          <cell r="C463">
            <v>53780</v>
          </cell>
          <cell r="D463" t="str">
            <v>ミスト アトラスの書</v>
          </cell>
          <cell r="E463">
            <v>1553</v>
          </cell>
          <cell r="F463" t="str">
            <v>378-3</v>
          </cell>
          <cell r="G463">
            <v>33</v>
          </cell>
          <cell r="J463">
            <v>107140</v>
          </cell>
          <cell r="K463" t="str">
            <v>C</v>
          </cell>
          <cell r="L463">
            <v>0</v>
          </cell>
          <cell r="N463">
            <v>11</v>
          </cell>
          <cell r="O463">
            <v>1</v>
          </cell>
        </row>
        <row r="464">
          <cell r="C464">
            <v>53790</v>
          </cell>
          <cell r="D464" t="str">
            <v>ミンクスのにわとり</v>
          </cell>
          <cell r="E464">
            <v>1553</v>
          </cell>
          <cell r="F464" t="str">
            <v>379-0</v>
          </cell>
          <cell r="G464">
            <v>33</v>
          </cell>
          <cell r="J464">
            <v>107150</v>
          </cell>
          <cell r="K464" t="str">
            <v>C</v>
          </cell>
          <cell r="L464">
            <v>0</v>
          </cell>
          <cell r="N464">
            <v>11</v>
          </cell>
          <cell r="O464">
            <v>1</v>
          </cell>
        </row>
        <row r="465">
          <cell r="C465">
            <v>53800</v>
          </cell>
          <cell r="D465" t="str">
            <v>ダイナトピア地下世界への冒険</v>
          </cell>
          <cell r="E465">
            <v>2427</v>
          </cell>
          <cell r="F465" t="str">
            <v>380-6</v>
          </cell>
          <cell r="G465">
            <v>33</v>
          </cell>
          <cell r="J465">
            <v>107160</v>
          </cell>
          <cell r="K465" t="str">
            <v>A</v>
          </cell>
          <cell r="N465">
            <v>11</v>
          </cell>
          <cell r="O465">
            <v>2</v>
          </cell>
        </row>
        <row r="466">
          <cell r="C466">
            <v>53810</v>
          </cell>
          <cell r="D466" t="str">
            <v>WindowsNTServer3.51パーフェクトガイド</v>
          </cell>
          <cell r="E466">
            <v>6602</v>
          </cell>
          <cell r="F466" t="str">
            <v>381-3</v>
          </cell>
          <cell r="G466">
            <v>33</v>
          </cell>
          <cell r="J466">
            <v>107170</v>
          </cell>
          <cell r="K466">
            <v>0</v>
          </cell>
          <cell r="L466">
            <v>0</v>
          </cell>
          <cell r="N466">
            <v>11</v>
          </cell>
          <cell r="O466">
            <v>1</v>
          </cell>
        </row>
        <row r="467">
          <cell r="C467">
            <v>53820</v>
          </cell>
          <cell r="D467" t="str">
            <v>ザウルスパーフェクトマニュアル 改訂版</v>
          </cell>
          <cell r="E467">
            <v>2524</v>
          </cell>
          <cell r="F467" t="str">
            <v>382-0</v>
          </cell>
          <cell r="G467">
            <v>33</v>
          </cell>
          <cell r="J467">
            <v>107180</v>
          </cell>
          <cell r="K467" t="str">
            <v>A</v>
          </cell>
          <cell r="M467" t="str">
            <v>●</v>
          </cell>
          <cell r="N467">
            <v>11</v>
          </cell>
          <cell r="O467">
            <v>2</v>
          </cell>
        </row>
        <row r="468">
          <cell r="C468">
            <v>53830</v>
          </cell>
          <cell r="D468" t="str">
            <v>ZORK1公式ガイドブック</v>
          </cell>
          <cell r="E468">
            <v>951</v>
          </cell>
          <cell r="F468" t="str">
            <v>383-7</v>
          </cell>
          <cell r="G468">
            <v>33</v>
          </cell>
          <cell r="J468">
            <v>107190</v>
          </cell>
          <cell r="K468" t="str">
            <v>C</v>
          </cell>
          <cell r="L468">
            <v>0</v>
          </cell>
          <cell r="N468">
            <v>21</v>
          </cell>
          <cell r="O468">
            <v>0</v>
          </cell>
        </row>
        <row r="469">
          <cell r="C469">
            <v>53840</v>
          </cell>
          <cell r="D469" t="str">
            <v>ザ・タワーシークレットブック</v>
          </cell>
          <cell r="E469">
            <v>951</v>
          </cell>
          <cell r="F469" t="str">
            <v>384-4</v>
          </cell>
          <cell r="G469">
            <v>33</v>
          </cell>
          <cell r="J469">
            <v>107200</v>
          </cell>
          <cell r="K469" t="str">
            <v>B</v>
          </cell>
          <cell r="L469">
            <v>0</v>
          </cell>
          <cell r="N469">
            <v>11</v>
          </cell>
          <cell r="O469">
            <v>1</v>
          </cell>
        </row>
        <row r="470">
          <cell r="C470">
            <v>53850</v>
          </cell>
          <cell r="D470" t="str">
            <v>VisualBasic4.0スーパーバイブル 1</v>
          </cell>
          <cell r="E470">
            <v>8544</v>
          </cell>
          <cell r="F470" t="str">
            <v>385-1</v>
          </cell>
          <cell r="G470">
            <v>33</v>
          </cell>
          <cell r="J470">
            <v>107210</v>
          </cell>
          <cell r="K470" t="str">
            <v>C</v>
          </cell>
          <cell r="L470">
            <v>0</v>
          </cell>
          <cell r="N470">
            <v>11</v>
          </cell>
          <cell r="O470">
            <v>1</v>
          </cell>
        </row>
        <row r="471">
          <cell r="C471">
            <v>53860</v>
          </cell>
          <cell r="D471" t="str">
            <v>遭遇を越えて</v>
          </cell>
          <cell r="E471">
            <v>1748</v>
          </cell>
          <cell r="F471" t="str">
            <v>386-8</v>
          </cell>
          <cell r="G471">
            <v>33</v>
          </cell>
          <cell r="J471">
            <v>107220</v>
          </cell>
          <cell r="K471" t="str">
            <v>C</v>
          </cell>
          <cell r="L471">
            <v>0</v>
          </cell>
          <cell r="N471">
            <v>11</v>
          </cell>
          <cell r="O471">
            <v>1</v>
          </cell>
        </row>
        <row r="472">
          <cell r="C472">
            <v>53870</v>
          </cell>
          <cell r="D472" t="str">
            <v>氷の処刑人</v>
          </cell>
          <cell r="E472">
            <v>1748</v>
          </cell>
          <cell r="F472" t="str">
            <v>387-5</v>
          </cell>
          <cell r="G472">
            <v>33</v>
          </cell>
          <cell r="J472">
            <v>107240</v>
          </cell>
          <cell r="K472">
            <v>0</v>
          </cell>
          <cell r="L472">
            <v>0</v>
          </cell>
          <cell r="N472">
            <v>11</v>
          </cell>
          <cell r="O472">
            <v>1</v>
          </cell>
        </row>
        <row r="473">
          <cell r="C473">
            <v>53880</v>
          </cell>
          <cell r="D473" t="str">
            <v>死体を愛した男</v>
          </cell>
          <cell r="E473">
            <v>2330</v>
          </cell>
          <cell r="F473" t="str">
            <v>388-2</v>
          </cell>
          <cell r="G473">
            <v>33</v>
          </cell>
          <cell r="J473">
            <v>107250</v>
          </cell>
          <cell r="N473">
            <v>11</v>
          </cell>
          <cell r="O473">
            <v>1</v>
          </cell>
        </row>
        <row r="474">
          <cell r="C474">
            <v>53890</v>
          </cell>
          <cell r="D474" t="str">
            <v>Office95使いこなし大全</v>
          </cell>
          <cell r="E474">
            <v>4660</v>
          </cell>
          <cell r="F474" t="str">
            <v>389-9</v>
          </cell>
          <cell r="G474">
            <v>33</v>
          </cell>
          <cell r="J474">
            <v>107260</v>
          </cell>
          <cell r="K474" t="str">
            <v>C</v>
          </cell>
          <cell r="L474">
            <v>0</v>
          </cell>
          <cell r="N474">
            <v>11</v>
          </cell>
          <cell r="O474">
            <v>1</v>
          </cell>
        </row>
        <row r="475">
          <cell r="C475">
            <v>53900</v>
          </cell>
          <cell r="D475" t="str">
            <v>クリエーターのためのWebデザインガイド for Windows</v>
          </cell>
          <cell r="E475">
            <v>3107</v>
          </cell>
          <cell r="F475" t="str">
            <v>390-5</v>
          </cell>
          <cell r="G475">
            <v>33</v>
          </cell>
          <cell r="J475">
            <v>107270</v>
          </cell>
          <cell r="K475" t="str">
            <v>C</v>
          </cell>
          <cell r="L475">
            <v>0</v>
          </cell>
          <cell r="N475">
            <v>11</v>
          </cell>
          <cell r="O475">
            <v>1</v>
          </cell>
        </row>
        <row r="476">
          <cell r="C476">
            <v>53910</v>
          </cell>
          <cell r="D476" t="str">
            <v>Netscape2.0 for Windows95 クイックガイド</v>
          </cell>
          <cell r="E476">
            <v>1553</v>
          </cell>
          <cell r="F476" t="str">
            <v>391-2</v>
          </cell>
          <cell r="G476">
            <v>33</v>
          </cell>
          <cell r="J476">
            <v>107300</v>
          </cell>
          <cell r="K476" t="str">
            <v>B</v>
          </cell>
          <cell r="L476">
            <v>0</v>
          </cell>
          <cell r="M476">
            <v>0</v>
          </cell>
          <cell r="N476">
            <v>11</v>
          </cell>
          <cell r="O476">
            <v>2</v>
          </cell>
        </row>
        <row r="477">
          <cell r="C477">
            <v>53920</v>
          </cell>
          <cell r="D477" t="str">
            <v>Netscape2.0 for Macintosh クイックガイド</v>
          </cell>
          <cell r="E477">
            <v>1553</v>
          </cell>
          <cell r="F477" t="str">
            <v>392-9</v>
          </cell>
          <cell r="G477">
            <v>33</v>
          </cell>
          <cell r="J477">
            <v>107320</v>
          </cell>
          <cell r="K477" t="str">
            <v>B</v>
          </cell>
          <cell r="L477">
            <v>0</v>
          </cell>
          <cell r="N477">
            <v>32</v>
          </cell>
          <cell r="O477">
            <v>0</v>
          </cell>
        </row>
        <row r="478">
          <cell r="C478">
            <v>53930</v>
          </cell>
          <cell r="D478" t="str">
            <v>カラー図解 Excel for Windows95</v>
          </cell>
          <cell r="E478">
            <v>1942</v>
          </cell>
          <cell r="F478" t="str">
            <v>393-6</v>
          </cell>
          <cell r="G478">
            <v>33</v>
          </cell>
          <cell r="J478">
            <v>107330</v>
          </cell>
          <cell r="N478">
            <v>11</v>
          </cell>
          <cell r="O478">
            <v>1</v>
          </cell>
        </row>
        <row r="479">
          <cell r="C479">
            <v>53940</v>
          </cell>
          <cell r="D479" t="str">
            <v>Eudora-Jクイックガイド</v>
          </cell>
          <cell r="E479">
            <v>1456</v>
          </cell>
          <cell r="F479" t="str">
            <v>394-3</v>
          </cell>
          <cell r="G479">
            <v>33</v>
          </cell>
          <cell r="J479">
            <v>107340</v>
          </cell>
          <cell r="K479" t="str">
            <v>B</v>
          </cell>
          <cell r="L479" t="str">
            <v>C</v>
          </cell>
          <cell r="M479" t="str">
            <v>●</v>
          </cell>
          <cell r="N479">
            <v>11</v>
          </cell>
          <cell r="O479">
            <v>3</v>
          </cell>
        </row>
        <row r="480">
          <cell r="C480">
            <v>53950</v>
          </cell>
          <cell r="D480" t="str">
            <v>Windows95ウルトラテクニック</v>
          </cell>
          <cell r="E480">
            <v>2330</v>
          </cell>
          <cell r="F480" t="str">
            <v>395-0</v>
          </cell>
          <cell r="G480">
            <v>33</v>
          </cell>
          <cell r="J480">
            <v>107350</v>
          </cell>
          <cell r="N480">
            <v>11</v>
          </cell>
          <cell r="O480">
            <v>1</v>
          </cell>
        </row>
        <row r="481">
          <cell r="C481">
            <v>53960</v>
          </cell>
          <cell r="D481" t="str">
            <v>はじめる Office95合本</v>
          </cell>
          <cell r="E481">
            <v>1942</v>
          </cell>
          <cell r="F481" t="str">
            <v>396-7</v>
          </cell>
          <cell r="G481">
            <v>33</v>
          </cell>
          <cell r="J481">
            <v>107360</v>
          </cell>
          <cell r="K481" t="str">
            <v>C</v>
          </cell>
          <cell r="N481">
            <v>11</v>
          </cell>
          <cell r="O481">
            <v>1</v>
          </cell>
        </row>
        <row r="482">
          <cell r="C482">
            <v>53970</v>
          </cell>
          <cell r="D482" t="str">
            <v>最強パソコンの買い方／選び方</v>
          </cell>
          <cell r="E482">
            <v>1456</v>
          </cell>
          <cell r="F482" t="str">
            <v>397-4</v>
          </cell>
          <cell r="G482">
            <v>33</v>
          </cell>
          <cell r="J482">
            <v>107370</v>
          </cell>
          <cell r="K482" t="str">
            <v>B</v>
          </cell>
          <cell r="L482">
            <v>0</v>
          </cell>
          <cell r="N482">
            <v>11</v>
          </cell>
          <cell r="O482">
            <v>1</v>
          </cell>
        </row>
        <row r="483">
          <cell r="C483">
            <v>53980</v>
          </cell>
          <cell r="D483" t="str">
            <v>OADGカタログ Vol.9(96.5)</v>
          </cell>
          <cell r="E483">
            <v>3689</v>
          </cell>
          <cell r="F483" t="str">
            <v>398-1</v>
          </cell>
          <cell r="G483">
            <v>33</v>
          </cell>
          <cell r="J483">
            <v>107420</v>
          </cell>
          <cell r="N483">
            <v>11</v>
          </cell>
          <cell r="O483">
            <v>1</v>
          </cell>
        </row>
        <row r="484">
          <cell r="C484">
            <v>53990</v>
          </cell>
          <cell r="D484" t="str">
            <v>ウィンドウズ95で飛び込むインターネット</v>
          </cell>
          <cell r="E484">
            <v>1553</v>
          </cell>
          <cell r="F484" t="str">
            <v>399-8</v>
          </cell>
          <cell r="G484">
            <v>33</v>
          </cell>
          <cell r="J484">
            <v>107430</v>
          </cell>
          <cell r="N484">
            <v>11</v>
          </cell>
          <cell r="O484">
            <v>1</v>
          </cell>
        </row>
        <row r="485">
          <cell r="C485">
            <v>54000</v>
          </cell>
          <cell r="D485" t="str">
            <v>QuarkXPressによる 標準DTP入門講座 基礎編</v>
          </cell>
          <cell r="E485">
            <v>3107</v>
          </cell>
          <cell r="F485" t="str">
            <v>400-1</v>
          </cell>
          <cell r="G485">
            <v>33</v>
          </cell>
          <cell r="J485">
            <v>107440</v>
          </cell>
          <cell r="K485" t="str">
            <v>C</v>
          </cell>
          <cell r="L485">
            <v>0</v>
          </cell>
          <cell r="N485">
            <v>11</v>
          </cell>
          <cell r="O485">
            <v>1</v>
          </cell>
        </row>
        <row r="486">
          <cell r="C486">
            <v>54010</v>
          </cell>
          <cell r="D486" t="str">
            <v>Windows95実用大百科</v>
          </cell>
          <cell r="E486">
            <v>3689</v>
          </cell>
          <cell r="F486" t="str">
            <v>401-8</v>
          </cell>
          <cell r="G486">
            <v>33</v>
          </cell>
          <cell r="J486">
            <v>107450</v>
          </cell>
          <cell r="M486">
            <v>0</v>
          </cell>
          <cell r="N486">
            <v>11</v>
          </cell>
          <cell r="O486">
            <v>2</v>
          </cell>
        </row>
        <row r="487">
          <cell r="C487">
            <v>54020</v>
          </cell>
          <cell r="D487" t="str">
            <v>今夜わかる PowerPoint for Windows95</v>
          </cell>
          <cell r="E487">
            <v>1748</v>
          </cell>
          <cell r="F487" t="str">
            <v>402-5</v>
          </cell>
          <cell r="G487">
            <v>33</v>
          </cell>
          <cell r="J487">
            <v>107460</v>
          </cell>
          <cell r="K487">
            <v>0</v>
          </cell>
          <cell r="L487">
            <v>0</v>
          </cell>
          <cell r="N487">
            <v>11</v>
          </cell>
          <cell r="O487">
            <v>1</v>
          </cell>
        </row>
        <row r="488">
          <cell r="C488">
            <v>54030</v>
          </cell>
          <cell r="D488" t="str">
            <v>カラー図解 Word for Windows95</v>
          </cell>
          <cell r="E488">
            <v>1942</v>
          </cell>
          <cell r="F488" t="str">
            <v>403-2</v>
          </cell>
          <cell r="G488">
            <v>33</v>
          </cell>
          <cell r="J488">
            <v>107480</v>
          </cell>
          <cell r="K488" t="str">
            <v>A</v>
          </cell>
          <cell r="L488" t="str">
            <v>C</v>
          </cell>
          <cell r="N488">
            <v>11</v>
          </cell>
          <cell r="O488">
            <v>2</v>
          </cell>
        </row>
        <row r="489">
          <cell r="C489">
            <v>54040</v>
          </cell>
          <cell r="D489" t="str">
            <v>今夜わかる Office95合本</v>
          </cell>
          <cell r="E489">
            <v>2718</v>
          </cell>
          <cell r="F489" t="str">
            <v>404-9</v>
          </cell>
          <cell r="G489">
            <v>33</v>
          </cell>
          <cell r="J489">
            <v>107490</v>
          </cell>
          <cell r="N489">
            <v>11</v>
          </cell>
          <cell r="O489">
            <v>1</v>
          </cell>
        </row>
        <row r="490">
          <cell r="C490">
            <v>54050</v>
          </cell>
          <cell r="D490" t="str">
            <v>今夜わかる インターネット for Windows95</v>
          </cell>
          <cell r="E490">
            <v>1553</v>
          </cell>
          <cell r="F490" t="str">
            <v>405-6</v>
          </cell>
          <cell r="G490">
            <v>33</v>
          </cell>
          <cell r="J490">
            <v>107540</v>
          </cell>
          <cell r="N490">
            <v>11</v>
          </cell>
          <cell r="O490">
            <v>1</v>
          </cell>
        </row>
        <row r="491">
          <cell r="C491">
            <v>54060</v>
          </cell>
          <cell r="D491" t="str">
            <v>Visual Basic4.0テクニカルガイド</v>
          </cell>
          <cell r="E491">
            <v>5631</v>
          </cell>
          <cell r="F491" t="str">
            <v>406-3</v>
          </cell>
          <cell r="G491">
            <v>33</v>
          </cell>
          <cell r="J491">
            <v>107550</v>
          </cell>
          <cell r="N491">
            <v>11</v>
          </cell>
          <cell r="O491">
            <v>1</v>
          </cell>
        </row>
        <row r="492">
          <cell r="C492">
            <v>54070</v>
          </cell>
          <cell r="D492" t="str">
            <v>今夜わかる マッキントッシュ カラーガイド</v>
          </cell>
          <cell r="E492">
            <v>1800</v>
          </cell>
          <cell r="F492" t="str">
            <v>407-0</v>
          </cell>
          <cell r="G492">
            <v>33</v>
          </cell>
          <cell r="J492">
            <v>107560</v>
          </cell>
          <cell r="K492" t="str">
            <v>C</v>
          </cell>
          <cell r="L492">
            <v>0</v>
          </cell>
          <cell r="N492">
            <v>11</v>
          </cell>
          <cell r="O492">
            <v>1</v>
          </cell>
        </row>
        <row r="493">
          <cell r="C493">
            <v>54080</v>
          </cell>
          <cell r="D493" t="str">
            <v>ワールドワイドウェップ大図鑑 2</v>
          </cell>
          <cell r="E493">
            <v>3107</v>
          </cell>
          <cell r="F493" t="str">
            <v>408-7</v>
          </cell>
          <cell r="G493">
            <v>33</v>
          </cell>
          <cell r="J493">
            <v>107580</v>
          </cell>
          <cell r="L493">
            <v>0</v>
          </cell>
          <cell r="N493">
            <v>11</v>
          </cell>
          <cell r="O493">
            <v>1</v>
          </cell>
        </row>
        <row r="494">
          <cell r="C494">
            <v>54090</v>
          </cell>
          <cell r="D494" t="str">
            <v>Shockwave!メイキングブック for Director5.0J</v>
          </cell>
          <cell r="E494">
            <v>2718</v>
          </cell>
          <cell r="F494" t="str">
            <v>409-4</v>
          </cell>
          <cell r="G494">
            <v>33</v>
          </cell>
          <cell r="J494">
            <v>107590</v>
          </cell>
          <cell r="K494" t="str">
            <v>A</v>
          </cell>
          <cell r="L494" t="str">
            <v>C</v>
          </cell>
          <cell r="N494">
            <v>11</v>
          </cell>
          <cell r="O494">
            <v>2</v>
          </cell>
        </row>
        <row r="495">
          <cell r="C495">
            <v>54100</v>
          </cell>
          <cell r="D495" t="str">
            <v>Windows95でインターネットメール</v>
          </cell>
          <cell r="E495">
            <v>2427</v>
          </cell>
          <cell r="F495" t="str">
            <v>410-0</v>
          </cell>
          <cell r="G495">
            <v>33</v>
          </cell>
          <cell r="J495">
            <v>107600</v>
          </cell>
          <cell r="K495" t="str">
            <v>A</v>
          </cell>
          <cell r="L495" t="str">
            <v>C</v>
          </cell>
          <cell r="N495">
            <v>11</v>
          </cell>
          <cell r="O495">
            <v>2</v>
          </cell>
        </row>
        <row r="496">
          <cell r="C496">
            <v>54110</v>
          </cell>
          <cell r="D496" t="str">
            <v>ネットチック</v>
          </cell>
          <cell r="E496">
            <v>1942</v>
          </cell>
          <cell r="F496" t="str">
            <v>411-7</v>
          </cell>
          <cell r="G496">
            <v>33</v>
          </cell>
          <cell r="J496">
            <v>107620</v>
          </cell>
          <cell r="K496">
            <v>0</v>
          </cell>
          <cell r="L496">
            <v>0</v>
          </cell>
          <cell r="N496">
            <v>11</v>
          </cell>
          <cell r="O496">
            <v>1</v>
          </cell>
        </row>
        <row r="497">
          <cell r="C497">
            <v>54120</v>
          </cell>
          <cell r="D497" t="str">
            <v>マックゲーム電視博物館</v>
          </cell>
          <cell r="E497">
            <v>3107</v>
          </cell>
          <cell r="F497" t="str">
            <v>412-4</v>
          </cell>
          <cell r="G497">
            <v>33</v>
          </cell>
          <cell r="J497">
            <v>107630</v>
          </cell>
          <cell r="K497" t="str">
            <v>B</v>
          </cell>
          <cell r="N497">
            <v>11</v>
          </cell>
          <cell r="O497">
            <v>1</v>
          </cell>
        </row>
        <row r="498">
          <cell r="C498">
            <v>54130</v>
          </cell>
          <cell r="D498" t="str">
            <v>ネットスケーププラグイン完全ガイド</v>
          </cell>
          <cell r="E498">
            <v>2000</v>
          </cell>
          <cell r="F498" t="str">
            <v>413-1</v>
          </cell>
          <cell r="G498">
            <v>33</v>
          </cell>
          <cell r="J498">
            <v>107660</v>
          </cell>
          <cell r="K498" t="str">
            <v>B</v>
          </cell>
          <cell r="N498">
            <v>11</v>
          </cell>
          <cell r="O498">
            <v>1</v>
          </cell>
        </row>
        <row r="499">
          <cell r="C499">
            <v>54140</v>
          </cell>
          <cell r="D499" t="str">
            <v>Delphi2プログラミング大全</v>
          </cell>
          <cell r="E499">
            <v>6500</v>
          </cell>
          <cell r="F499" t="str">
            <v>414-8</v>
          </cell>
          <cell r="G499">
            <v>33</v>
          </cell>
          <cell r="J499">
            <v>107680</v>
          </cell>
          <cell r="K499" t="str">
            <v>B</v>
          </cell>
          <cell r="N499">
            <v>11</v>
          </cell>
          <cell r="O499">
            <v>1</v>
          </cell>
        </row>
        <row r="500">
          <cell r="C500">
            <v>54150</v>
          </cell>
          <cell r="D500" t="str">
            <v>実践Javaアプレットプログラミング</v>
          </cell>
          <cell r="E500">
            <v>2200</v>
          </cell>
          <cell r="F500" t="str">
            <v>415-5</v>
          </cell>
          <cell r="G500">
            <v>33</v>
          </cell>
          <cell r="J500">
            <v>107690</v>
          </cell>
          <cell r="K500" t="str">
            <v>B</v>
          </cell>
          <cell r="N500">
            <v>11</v>
          </cell>
          <cell r="O500">
            <v>1</v>
          </cell>
        </row>
        <row r="501">
          <cell r="C501">
            <v>54160</v>
          </cell>
          <cell r="D501" t="str">
            <v>HTMLタグ辞典 最新</v>
          </cell>
          <cell r="E501">
            <v>1456</v>
          </cell>
          <cell r="F501" t="str">
            <v>416-2</v>
          </cell>
          <cell r="G501">
            <v>33</v>
          </cell>
          <cell r="J501">
            <v>107700</v>
          </cell>
          <cell r="K501" t="str">
            <v>B</v>
          </cell>
          <cell r="N501">
            <v>11</v>
          </cell>
          <cell r="O501">
            <v>1</v>
          </cell>
        </row>
        <row r="502">
          <cell r="C502">
            <v>54170</v>
          </cell>
          <cell r="D502" t="str">
            <v>はじめる NetscapeNavigator for Windows95</v>
          </cell>
          <cell r="E502">
            <v>1456</v>
          </cell>
          <cell r="F502" t="str">
            <v>417-9</v>
          </cell>
          <cell r="G502">
            <v>33</v>
          </cell>
          <cell r="J502">
            <v>107710</v>
          </cell>
          <cell r="K502" t="str">
            <v>B</v>
          </cell>
          <cell r="L502">
            <v>0</v>
          </cell>
          <cell r="N502">
            <v>11</v>
          </cell>
          <cell r="O502">
            <v>2</v>
          </cell>
        </row>
        <row r="503">
          <cell r="C503">
            <v>54180</v>
          </cell>
          <cell r="D503" t="str">
            <v>西洋魔物図鑑</v>
          </cell>
          <cell r="E503">
            <v>1942</v>
          </cell>
          <cell r="F503" t="str">
            <v>418-6</v>
          </cell>
          <cell r="G503">
            <v>11</v>
          </cell>
          <cell r="J503">
            <v>107720</v>
          </cell>
          <cell r="K503">
            <v>0</v>
          </cell>
          <cell r="L503">
            <v>0</v>
          </cell>
          <cell r="N503">
            <v>11</v>
          </cell>
          <cell r="O503">
            <v>1</v>
          </cell>
        </row>
        <row r="504">
          <cell r="C504">
            <v>54190</v>
          </cell>
          <cell r="D504" t="str">
            <v>Photoshop3.0Jスーパーアートワークス</v>
          </cell>
          <cell r="E504">
            <v>4854</v>
          </cell>
          <cell r="F504" t="str">
            <v>419-3</v>
          </cell>
          <cell r="G504">
            <v>33</v>
          </cell>
          <cell r="J504">
            <v>107730</v>
          </cell>
          <cell r="K504" t="str">
            <v>A</v>
          </cell>
          <cell r="N504">
            <v>11</v>
          </cell>
          <cell r="O504">
            <v>2</v>
          </cell>
        </row>
        <row r="505">
          <cell r="C505">
            <v>54200</v>
          </cell>
          <cell r="D505" t="str">
            <v>創世の守護神 上巻</v>
          </cell>
          <cell r="E505">
            <v>1456</v>
          </cell>
          <cell r="F505" t="str">
            <v>420-9</v>
          </cell>
          <cell r="G505">
            <v>11</v>
          </cell>
          <cell r="J505">
            <v>107740</v>
          </cell>
          <cell r="M505">
            <v>0</v>
          </cell>
          <cell r="N505">
            <v>11</v>
          </cell>
          <cell r="O505">
            <v>1</v>
          </cell>
        </row>
        <row r="506">
          <cell r="C506">
            <v>54210</v>
          </cell>
          <cell r="D506" t="str">
            <v>創世の守護神 下巻</v>
          </cell>
          <cell r="E506">
            <v>1456</v>
          </cell>
          <cell r="F506" t="str">
            <v>421-6</v>
          </cell>
          <cell r="G506">
            <v>11</v>
          </cell>
          <cell r="J506">
            <v>107750</v>
          </cell>
          <cell r="K506" t="str">
            <v>A</v>
          </cell>
          <cell r="N506">
            <v>11</v>
          </cell>
          <cell r="O506">
            <v>2</v>
          </cell>
        </row>
        <row r="507">
          <cell r="C507">
            <v>54220</v>
          </cell>
          <cell r="D507" t="str">
            <v>VisualBasic4.0スーパーバイブル 2</v>
          </cell>
          <cell r="E507">
            <v>8600</v>
          </cell>
          <cell r="F507" t="str">
            <v>422-3</v>
          </cell>
          <cell r="G507">
            <v>33</v>
          </cell>
          <cell r="J507">
            <v>107760</v>
          </cell>
          <cell r="K507" t="str">
            <v>C</v>
          </cell>
          <cell r="L507">
            <v>0</v>
          </cell>
          <cell r="N507">
            <v>11</v>
          </cell>
          <cell r="O507">
            <v>1</v>
          </cell>
        </row>
        <row r="508">
          <cell r="C508">
            <v>54250</v>
          </cell>
          <cell r="D508" t="str">
            <v>はじめる InternetExplorer3.0 for Windows95</v>
          </cell>
          <cell r="E508">
            <v>1800</v>
          </cell>
          <cell r="F508" t="str">
            <v>425-4</v>
          </cell>
          <cell r="G508">
            <v>33</v>
          </cell>
          <cell r="J508">
            <v>107790</v>
          </cell>
          <cell r="N508">
            <v>11</v>
          </cell>
          <cell r="O508">
            <v>1</v>
          </cell>
        </row>
        <row r="509">
          <cell r="C509">
            <v>54260</v>
          </cell>
          <cell r="D509" t="str">
            <v>Illustrator5.5Jビギナーズブック</v>
          </cell>
          <cell r="E509">
            <v>3200</v>
          </cell>
          <cell r="F509" t="str">
            <v>426-1</v>
          </cell>
          <cell r="G509">
            <v>33</v>
          </cell>
          <cell r="J509">
            <v>107800</v>
          </cell>
          <cell r="K509" t="str">
            <v>A</v>
          </cell>
          <cell r="L509">
            <v>0</v>
          </cell>
          <cell r="N509">
            <v>11</v>
          </cell>
          <cell r="O509">
            <v>1</v>
          </cell>
        </row>
        <row r="510">
          <cell r="C510">
            <v>54270</v>
          </cell>
          <cell r="D510" t="str">
            <v>今夜わかる PhotoDeluxe1.0J for Macintosh</v>
          </cell>
          <cell r="E510">
            <v>2200</v>
          </cell>
          <cell r="F510" t="str">
            <v>427-8</v>
          </cell>
          <cell r="G510">
            <v>33</v>
          </cell>
          <cell r="J510">
            <v>107810</v>
          </cell>
          <cell r="L510">
            <v>0</v>
          </cell>
          <cell r="N510">
            <v>11</v>
          </cell>
          <cell r="O510">
            <v>1</v>
          </cell>
        </row>
        <row r="511">
          <cell r="C511">
            <v>54280</v>
          </cell>
          <cell r="D511" t="str">
            <v>Illustrator5.5フィルターアートテクニック</v>
          </cell>
          <cell r="E511">
            <v>5000</v>
          </cell>
          <cell r="F511" t="str">
            <v>428-5</v>
          </cell>
          <cell r="G511">
            <v>33</v>
          </cell>
          <cell r="J511">
            <v>107830</v>
          </cell>
          <cell r="K511" t="str">
            <v>B</v>
          </cell>
          <cell r="L511">
            <v>0</v>
          </cell>
          <cell r="N511">
            <v>11</v>
          </cell>
          <cell r="O511">
            <v>1</v>
          </cell>
        </row>
        <row r="512">
          <cell r="C512">
            <v>54290</v>
          </cell>
          <cell r="D512" t="str">
            <v>インターネットホームページデザインエクステンション</v>
          </cell>
          <cell r="E512">
            <v>2400</v>
          </cell>
          <cell r="F512" t="str">
            <v>429-2</v>
          </cell>
          <cell r="G512">
            <v>33</v>
          </cell>
          <cell r="J512">
            <v>107840</v>
          </cell>
          <cell r="K512">
            <v>0</v>
          </cell>
          <cell r="L512">
            <v>0</v>
          </cell>
          <cell r="N512">
            <v>11</v>
          </cell>
          <cell r="O512">
            <v>1</v>
          </cell>
        </row>
        <row r="513">
          <cell r="C513">
            <v>54300</v>
          </cell>
          <cell r="D513" t="str">
            <v>Windows95 APIバイブル 1 Win32編</v>
          </cell>
          <cell r="E513">
            <v>9600</v>
          </cell>
          <cell r="F513" t="str">
            <v>430-8</v>
          </cell>
          <cell r="G513">
            <v>33</v>
          </cell>
          <cell r="J513">
            <v>107850</v>
          </cell>
          <cell r="N513">
            <v>11</v>
          </cell>
          <cell r="O513">
            <v>1</v>
          </cell>
        </row>
        <row r="514">
          <cell r="C514">
            <v>54310</v>
          </cell>
          <cell r="D514" t="str">
            <v>Access95パーフェクトガイド for Windows</v>
          </cell>
          <cell r="E514">
            <v>5100</v>
          </cell>
          <cell r="F514" t="str">
            <v>431-5</v>
          </cell>
          <cell r="G514">
            <v>33</v>
          </cell>
          <cell r="J514">
            <v>107860</v>
          </cell>
          <cell r="N514">
            <v>11</v>
          </cell>
          <cell r="O514">
            <v>1</v>
          </cell>
        </row>
        <row r="515">
          <cell r="C515">
            <v>54320</v>
          </cell>
          <cell r="D515" t="str">
            <v>Windows95パーフェクトガイド</v>
          </cell>
          <cell r="E515">
            <v>4300</v>
          </cell>
          <cell r="F515" t="str">
            <v>432-2</v>
          </cell>
          <cell r="G515">
            <v>33</v>
          </cell>
          <cell r="J515">
            <v>107950</v>
          </cell>
          <cell r="K515" t="str">
            <v>B</v>
          </cell>
          <cell r="N515">
            <v>11</v>
          </cell>
          <cell r="O515">
            <v>1</v>
          </cell>
        </row>
        <row r="516">
          <cell r="C516">
            <v>54330</v>
          </cell>
          <cell r="D516" t="str">
            <v>QuarkXPress3.3Jビギナーズガイド 改訂版</v>
          </cell>
          <cell r="E516">
            <v>3300</v>
          </cell>
          <cell r="F516" t="str">
            <v>433-9</v>
          </cell>
          <cell r="G516">
            <v>33</v>
          </cell>
          <cell r="J516">
            <v>107960</v>
          </cell>
          <cell r="K516" t="str">
            <v>B</v>
          </cell>
          <cell r="L516">
            <v>0</v>
          </cell>
          <cell r="M516">
            <v>0</v>
          </cell>
          <cell r="N516">
            <v>11</v>
          </cell>
          <cell r="O516">
            <v>2</v>
          </cell>
        </row>
        <row r="517">
          <cell r="C517">
            <v>54340</v>
          </cell>
          <cell r="D517" t="str">
            <v>Windows95裏ワザ大全 2</v>
          </cell>
          <cell r="E517">
            <v>3100</v>
          </cell>
          <cell r="F517" t="str">
            <v>434-6</v>
          </cell>
          <cell r="G517">
            <v>33</v>
          </cell>
          <cell r="J517">
            <v>107970</v>
          </cell>
          <cell r="K517" t="str">
            <v>A</v>
          </cell>
          <cell r="L517" t="str">
            <v>A</v>
          </cell>
          <cell r="N517">
            <v>11</v>
          </cell>
          <cell r="O517">
            <v>1</v>
          </cell>
        </row>
        <row r="518">
          <cell r="C518">
            <v>54350</v>
          </cell>
          <cell r="D518" t="str">
            <v>マックで飛び込むインターネットVer.2</v>
          </cell>
          <cell r="E518">
            <v>1800</v>
          </cell>
          <cell r="F518" t="str">
            <v>435-3</v>
          </cell>
          <cell r="G518">
            <v>33</v>
          </cell>
          <cell r="J518">
            <v>107980</v>
          </cell>
          <cell r="K518" t="str">
            <v>A</v>
          </cell>
          <cell r="N518">
            <v>11</v>
          </cell>
          <cell r="O518">
            <v>1</v>
          </cell>
        </row>
        <row r="519">
          <cell r="C519">
            <v>54360</v>
          </cell>
          <cell r="D519" t="str">
            <v>Windows95快適チューンナップ</v>
          </cell>
          <cell r="E519">
            <v>3600</v>
          </cell>
          <cell r="F519" t="str">
            <v>436-0</v>
          </cell>
          <cell r="G519">
            <v>33</v>
          </cell>
          <cell r="J519">
            <v>107990</v>
          </cell>
          <cell r="N519">
            <v>11</v>
          </cell>
          <cell r="O519">
            <v>1</v>
          </cell>
        </row>
        <row r="520">
          <cell r="C520">
            <v>54370</v>
          </cell>
          <cell r="D520" t="str">
            <v>ComNiftyでらくらくパソコン通信</v>
          </cell>
          <cell r="E520">
            <v>1900</v>
          </cell>
          <cell r="F520" t="str">
            <v>437-7</v>
          </cell>
          <cell r="G520">
            <v>33</v>
          </cell>
          <cell r="J520">
            <v>108000</v>
          </cell>
          <cell r="K520" t="str">
            <v>C</v>
          </cell>
          <cell r="L520">
            <v>0</v>
          </cell>
          <cell r="N520">
            <v>11</v>
          </cell>
          <cell r="O520">
            <v>1</v>
          </cell>
        </row>
        <row r="521">
          <cell r="C521">
            <v>54380</v>
          </cell>
          <cell r="D521" t="str">
            <v>ニフティではじめるインターネット</v>
          </cell>
          <cell r="E521">
            <v>1800</v>
          </cell>
          <cell r="F521" t="str">
            <v>438-4</v>
          </cell>
          <cell r="G521">
            <v>33</v>
          </cell>
          <cell r="J521">
            <v>108010</v>
          </cell>
          <cell r="N521">
            <v>11</v>
          </cell>
          <cell r="O521">
            <v>1</v>
          </cell>
        </row>
        <row r="522">
          <cell r="C522">
            <v>54390</v>
          </cell>
          <cell r="D522" t="str">
            <v>ふるさとの国宝</v>
          </cell>
          <cell r="E522">
            <v>3400</v>
          </cell>
          <cell r="F522" t="str">
            <v>439-1</v>
          </cell>
          <cell r="G522">
            <v>33</v>
          </cell>
          <cell r="J522">
            <v>108020</v>
          </cell>
          <cell r="N522">
            <v>11</v>
          </cell>
          <cell r="O522">
            <v>1</v>
          </cell>
        </row>
        <row r="523">
          <cell r="C523">
            <v>54400</v>
          </cell>
          <cell r="D523" t="str">
            <v>つけもの術</v>
          </cell>
          <cell r="E523">
            <v>1456</v>
          </cell>
          <cell r="F523" t="str">
            <v>440-7</v>
          </cell>
          <cell r="G523">
            <v>33</v>
          </cell>
          <cell r="J523">
            <v>108030</v>
          </cell>
          <cell r="K523" t="str">
            <v>B</v>
          </cell>
          <cell r="L523">
            <v>0</v>
          </cell>
          <cell r="N523">
            <v>11</v>
          </cell>
          <cell r="O523">
            <v>1</v>
          </cell>
        </row>
        <row r="524">
          <cell r="C524">
            <v>54410</v>
          </cell>
          <cell r="D524" t="str">
            <v>Windows95年賀状イラストデータ集CDｰRＯM</v>
          </cell>
          <cell r="E524">
            <v>2000</v>
          </cell>
          <cell r="F524" t="str">
            <v>441-4</v>
          </cell>
          <cell r="G524">
            <v>33</v>
          </cell>
          <cell r="J524">
            <v>108040</v>
          </cell>
          <cell r="K524" t="str">
            <v>B</v>
          </cell>
          <cell r="N524">
            <v>11</v>
          </cell>
          <cell r="O524">
            <v>1</v>
          </cell>
        </row>
        <row r="525">
          <cell r="C525">
            <v>54420</v>
          </cell>
          <cell r="D525" t="str">
            <v>ActiveXで作るマルチメディア.ホームページ</v>
          </cell>
          <cell r="E525">
            <v>2400</v>
          </cell>
          <cell r="F525" t="str">
            <v>442-1</v>
          </cell>
          <cell r="G525">
            <v>33</v>
          </cell>
          <cell r="J525">
            <v>108050</v>
          </cell>
          <cell r="L525">
            <v>0</v>
          </cell>
          <cell r="N525">
            <v>11</v>
          </cell>
          <cell r="O525">
            <v>2</v>
          </cell>
        </row>
        <row r="526">
          <cell r="C526">
            <v>54430</v>
          </cell>
          <cell r="D526" t="str">
            <v>はじめる NetscapeNavigator3.0 for Macintosh</v>
          </cell>
          <cell r="E526">
            <v>1500</v>
          </cell>
          <cell r="F526" t="str">
            <v>443-8</v>
          </cell>
          <cell r="G526">
            <v>33</v>
          </cell>
          <cell r="J526">
            <v>108060</v>
          </cell>
          <cell r="N526">
            <v>11</v>
          </cell>
          <cell r="O526">
            <v>1</v>
          </cell>
        </row>
        <row r="527">
          <cell r="C527">
            <v>54440</v>
          </cell>
          <cell r="D527" t="str">
            <v>はじめる NetscapeNavigator3.0J for Windows95</v>
          </cell>
          <cell r="E527">
            <v>1500</v>
          </cell>
          <cell r="F527" t="str">
            <v>444-5</v>
          </cell>
          <cell r="G527">
            <v>33</v>
          </cell>
          <cell r="J527">
            <v>108070</v>
          </cell>
          <cell r="K527" t="str">
            <v>A</v>
          </cell>
          <cell r="L527" t="str">
            <v>C</v>
          </cell>
          <cell r="N527">
            <v>11</v>
          </cell>
          <cell r="O527">
            <v>2</v>
          </cell>
        </row>
        <row r="528">
          <cell r="C528">
            <v>54450</v>
          </cell>
          <cell r="D528" t="str">
            <v>ORACLEデータベースデベロッパーズガイド</v>
          </cell>
          <cell r="E528">
            <v>7000</v>
          </cell>
          <cell r="F528" t="str">
            <v>445-2</v>
          </cell>
          <cell r="G528">
            <v>33</v>
          </cell>
          <cell r="J528">
            <v>108080</v>
          </cell>
          <cell r="K528" t="str">
            <v>A</v>
          </cell>
          <cell r="L528" t="str">
            <v>C</v>
          </cell>
          <cell r="N528">
            <v>11</v>
          </cell>
          <cell r="O528">
            <v>2</v>
          </cell>
        </row>
        <row r="529">
          <cell r="C529">
            <v>54460</v>
          </cell>
          <cell r="D529" t="str">
            <v>Windows95 APIバイブル 2 common control編</v>
          </cell>
          <cell r="E529">
            <v>7500</v>
          </cell>
          <cell r="F529" t="str">
            <v>446-9</v>
          </cell>
          <cell r="G529">
            <v>33</v>
          </cell>
          <cell r="J529">
            <v>108090</v>
          </cell>
          <cell r="K529" t="str">
            <v>B</v>
          </cell>
          <cell r="L529">
            <v>0</v>
          </cell>
          <cell r="N529">
            <v>11</v>
          </cell>
          <cell r="O529">
            <v>1</v>
          </cell>
        </row>
        <row r="530">
          <cell r="C530">
            <v>54470</v>
          </cell>
          <cell r="D530" t="str">
            <v>Phtoshop3.0Jビギナーズブック for Windows95</v>
          </cell>
          <cell r="E530">
            <v>3600</v>
          </cell>
          <cell r="F530" t="str">
            <v>447-6</v>
          </cell>
          <cell r="G530">
            <v>33</v>
          </cell>
          <cell r="J530">
            <v>108140</v>
          </cell>
          <cell r="N530">
            <v>11</v>
          </cell>
          <cell r="O530">
            <v>1</v>
          </cell>
        </row>
        <row r="531">
          <cell r="C531">
            <v>54480</v>
          </cell>
          <cell r="D531" t="str">
            <v>今夜わかる FileMakerPro3.0Jカラーガイド</v>
          </cell>
          <cell r="E531">
            <v>2200</v>
          </cell>
          <cell r="F531" t="str">
            <v>448-3</v>
          </cell>
          <cell r="G531">
            <v>33</v>
          </cell>
          <cell r="J531">
            <v>108150</v>
          </cell>
          <cell r="K531" t="str">
            <v>C</v>
          </cell>
          <cell r="N531">
            <v>11</v>
          </cell>
          <cell r="O531">
            <v>1</v>
          </cell>
        </row>
        <row r="532">
          <cell r="C532">
            <v>54490</v>
          </cell>
          <cell r="D532" t="str">
            <v>今夜わかる クラリスワークス4.0Ｊ for Macintosh</v>
          </cell>
          <cell r="E532">
            <v>2200</v>
          </cell>
          <cell r="F532" t="str">
            <v>449-0</v>
          </cell>
          <cell r="G532">
            <v>33</v>
          </cell>
          <cell r="J532">
            <v>108190</v>
          </cell>
          <cell r="K532" t="str">
            <v>C</v>
          </cell>
          <cell r="N532">
            <v>11</v>
          </cell>
          <cell r="O532">
            <v>1</v>
          </cell>
        </row>
        <row r="533">
          <cell r="C533">
            <v>54500</v>
          </cell>
          <cell r="D533" t="str">
            <v>DirectDrawプログラミング</v>
          </cell>
          <cell r="E533">
            <v>3500</v>
          </cell>
          <cell r="F533" t="str">
            <v>450-6</v>
          </cell>
          <cell r="G533">
            <v>33</v>
          </cell>
          <cell r="J533">
            <v>108200</v>
          </cell>
          <cell r="K533" t="str">
            <v>C</v>
          </cell>
          <cell r="N533">
            <v>11</v>
          </cell>
          <cell r="O533">
            <v>1</v>
          </cell>
        </row>
        <row r="534">
          <cell r="C534">
            <v>54510</v>
          </cell>
          <cell r="D534" t="str">
            <v>入門WindowsNT4.0Workstation</v>
          </cell>
          <cell r="E534">
            <v>2200</v>
          </cell>
          <cell r="F534" t="str">
            <v>451-3</v>
          </cell>
          <cell r="G534">
            <v>33</v>
          </cell>
          <cell r="J534">
            <v>108210</v>
          </cell>
          <cell r="K534" t="str">
            <v>C</v>
          </cell>
          <cell r="L534">
            <v>0</v>
          </cell>
          <cell r="N534">
            <v>11</v>
          </cell>
          <cell r="O534">
            <v>1</v>
          </cell>
        </row>
        <row r="535">
          <cell r="C535">
            <v>54520</v>
          </cell>
          <cell r="D535" t="str">
            <v>OADGカタログ Vol.10(96.11)</v>
          </cell>
          <cell r="E535">
            <v>3689</v>
          </cell>
          <cell r="F535" t="str">
            <v>452-0</v>
          </cell>
          <cell r="G535">
            <v>33</v>
          </cell>
          <cell r="J535">
            <v>108230</v>
          </cell>
          <cell r="N535">
            <v>11</v>
          </cell>
          <cell r="O535">
            <v>1</v>
          </cell>
        </row>
        <row r="536">
          <cell r="C536">
            <v>54530</v>
          </cell>
          <cell r="D536" t="str">
            <v>入門JavaScript</v>
          </cell>
          <cell r="E536">
            <v>2800</v>
          </cell>
          <cell r="F536" t="str">
            <v>453-7</v>
          </cell>
          <cell r="G536">
            <v>33</v>
          </cell>
          <cell r="J536">
            <v>108240</v>
          </cell>
          <cell r="N536">
            <v>11</v>
          </cell>
          <cell r="O536">
            <v>1</v>
          </cell>
        </row>
        <row r="537">
          <cell r="C537">
            <v>54540</v>
          </cell>
          <cell r="D537" t="str">
            <v>ORACLEデータベースバックアップ＆リカバリー</v>
          </cell>
          <cell r="E537">
            <v>4500</v>
          </cell>
          <cell r="F537" t="str">
            <v>454-4</v>
          </cell>
          <cell r="G537">
            <v>33</v>
          </cell>
          <cell r="J537">
            <v>108250</v>
          </cell>
          <cell r="K537" t="str">
            <v>B</v>
          </cell>
          <cell r="L537">
            <v>0</v>
          </cell>
          <cell r="N537">
            <v>11</v>
          </cell>
          <cell r="O537">
            <v>1</v>
          </cell>
        </row>
        <row r="538">
          <cell r="C538">
            <v>54550</v>
          </cell>
          <cell r="D538" t="str">
            <v>ORACLEデータベースチューニング</v>
          </cell>
          <cell r="E538">
            <v>3300</v>
          </cell>
          <cell r="F538" t="str">
            <v>455-1</v>
          </cell>
          <cell r="G538">
            <v>33</v>
          </cell>
          <cell r="J538">
            <v>108260</v>
          </cell>
          <cell r="N538">
            <v>11</v>
          </cell>
          <cell r="O538">
            <v>1</v>
          </cell>
        </row>
        <row r="539">
          <cell r="C539">
            <v>54560</v>
          </cell>
          <cell r="D539" t="str">
            <v>今夜わかる PhotoDeluxe for Windows</v>
          </cell>
          <cell r="E539">
            <v>2200</v>
          </cell>
          <cell r="F539" t="str">
            <v>456-8</v>
          </cell>
          <cell r="G539">
            <v>33</v>
          </cell>
          <cell r="J539">
            <v>108270</v>
          </cell>
          <cell r="K539" t="str">
            <v>B</v>
          </cell>
          <cell r="N539">
            <v>11</v>
          </cell>
          <cell r="O539">
            <v>1</v>
          </cell>
        </row>
        <row r="540">
          <cell r="C540">
            <v>54570</v>
          </cell>
          <cell r="D540" t="str">
            <v>CGIプログラミング入門</v>
          </cell>
          <cell r="E540">
            <v>2800</v>
          </cell>
          <cell r="F540" t="str">
            <v>457-5</v>
          </cell>
          <cell r="G540">
            <v>33</v>
          </cell>
          <cell r="J540">
            <v>108280</v>
          </cell>
          <cell r="K540" t="str">
            <v>B</v>
          </cell>
          <cell r="L540">
            <v>0</v>
          </cell>
          <cell r="N540">
            <v>11</v>
          </cell>
          <cell r="O540">
            <v>1</v>
          </cell>
        </row>
        <row r="541">
          <cell r="C541">
            <v>54580</v>
          </cell>
          <cell r="D541" t="str">
            <v>IBM Visual Age C++ビジュアル・ビルダー入門</v>
          </cell>
          <cell r="E541">
            <v>3200</v>
          </cell>
          <cell r="F541" t="str">
            <v>458-2</v>
          </cell>
          <cell r="G541">
            <v>33</v>
          </cell>
          <cell r="J541">
            <v>108290</v>
          </cell>
          <cell r="K541" t="str">
            <v>A</v>
          </cell>
          <cell r="L541">
            <v>0</v>
          </cell>
          <cell r="N541">
            <v>33</v>
          </cell>
          <cell r="O541">
            <v>1</v>
          </cell>
        </row>
        <row r="542">
          <cell r="C542">
            <v>54590</v>
          </cell>
          <cell r="D542" t="str">
            <v>入門Visual J++</v>
          </cell>
          <cell r="E542">
            <v>2800</v>
          </cell>
          <cell r="F542" t="str">
            <v>459-9</v>
          </cell>
          <cell r="G542">
            <v>33</v>
          </cell>
          <cell r="J542">
            <v>108300</v>
          </cell>
          <cell r="N542">
            <v>33</v>
          </cell>
          <cell r="O542">
            <v>1</v>
          </cell>
        </row>
        <row r="543">
          <cell r="C543">
            <v>54600</v>
          </cell>
          <cell r="D543" t="str">
            <v>QuarkXPressによる 標準DTP入門講座 応用編</v>
          </cell>
          <cell r="E543">
            <v>2800</v>
          </cell>
          <cell r="F543" t="str">
            <v>460-5</v>
          </cell>
          <cell r="G543">
            <v>33</v>
          </cell>
          <cell r="J543">
            <v>108320</v>
          </cell>
          <cell r="K543" t="str">
            <v>C</v>
          </cell>
          <cell r="N543">
            <v>11</v>
          </cell>
          <cell r="O543">
            <v>2</v>
          </cell>
        </row>
        <row r="544">
          <cell r="C544">
            <v>54610</v>
          </cell>
          <cell r="D544" t="str">
            <v>大予言者を科学する</v>
          </cell>
          <cell r="E544">
            <v>1600</v>
          </cell>
          <cell r="F544" t="str">
            <v>461-2</v>
          </cell>
          <cell r="G544">
            <v>33</v>
          </cell>
          <cell r="J544">
            <v>108330</v>
          </cell>
          <cell r="K544" t="str">
            <v>B</v>
          </cell>
          <cell r="L544">
            <v>0</v>
          </cell>
          <cell r="M544">
            <v>0</v>
          </cell>
          <cell r="N544">
            <v>11</v>
          </cell>
          <cell r="O544">
            <v>2</v>
          </cell>
        </row>
        <row r="545">
          <cell r="C545">
            <v>54620</v>
          </cell>
          <cell r="D545" t="str">
            <v>孫子「兵法」に学ぶベンチャー企業戦略</v>
          </cell>
          <cell r="E545">
            <v>1200</v>
          </cell>
          <cell r="F545" t="str">
            <v>462-9</v>
          </cell>
          <cell r="G545">
            <v>33</v>
          </cell>
          <cell r="J545">
            <v>108340</v>
          </cell>
          <cell r="N545">
            <v>11</v>
          </cell>
          <cell r="O545">
            <v>1</v>
          </cell>
        </row>
        <row r="546">
          <cell r="C546">
            <v>54630</v>
          </cell>
          <cell r="D546" t="str">
            <v>グレニッチヴィレッジ物語</v>
          </cell>
          <cell r="E546">
            <v>2000</v>
          </cell>
          <cell r="F546" t="str">
            <v>463-6</v>
          </cell>
          <cell r="G546">
            <v>33</v>
          </cell>
          <cell r="J546">
            <v>108350</v>
          </cell>
          <cell r="K546" t="str">
            <v>B</v>
          </cell>
          <cell r="N546">
            <v>11</v>
          </cell>
          <cell r="O546">
            <v>2</v>
          </cell>
        </row>
        <row r="547">
          <cell r="C547">
            <v>54640</v>
          </cell>
          <cell r="D547" t="str">
            <v>いのちの輝き</v>
          </cell>
          <cell r="E547">
            <v>1500</v>
          </cell>
          <cell r="F547" t="str">
            <v>464-3</v>
          </cell>
          <cell r="G547">
            <v>11</v>
          </cell>
          <cell r="J547">
            <v>108360</v>
          </cell>
          <cell r="N547">
            <v>11</v>
          </cell>
          <cell r="O547">
            <v>1</v>
          </cell>
        </row>
        <row r="548">
          <cell r="C548">
            <v>54650</v>
          </cell>
          <cell r="D548" t="str">
            <v>空の匂い、海の息吹</v>
          </cell>
          <cell r="E548">
            <v>1400</v>
          </cell>
          <cell r="F548" t="str">
            <v>465-0</v>
          </cell>
          <cell r="G548">
            <v>33</v>
          </cell>
          <cell r="J548">
            <v>108370</v>
          </cell>
          <cell r="K548" t="str">
            <v>A</v>
          </cell>
          <cell r="L548" t="str">
            <v>C</v>
          </cell>
          <cell r="N548">
            <v>11</v>
          </cell>
          <cell r="O548">
            <v>2</v>
          </cell>
        </row>
        <row r="549">
          <cell r="C549">
            <v>54660</v>
          </cell>
          <cell r="D549" t="str">
            <v>PageMaker6.0Jビギナーズブック</v>
          </cell>
          <cell r="E549">
            <v>2200</v>
          </cell>
          <cell r="F549" t="str">
            <v>466-7</v>
          </cell>
          <cell r="G549">
            <v>33</v>
          </cell>
          <cell r="J549">
            <v>108380</v>
          </cell>
          <cell r="K549" t="str">
            <v>C</v>
          </cell>
          <cell r="N549">
            <v>11</v>
          </cell>
          <cell r="O549">
            <v>1</v>
          </cell>
        </row>
        <row r="550">
          <cell r="C550">
            <v>54670</v>
          </cell>
          <cell r="D550" t="str">
            <v>JAVAプログラミングケーススタディ</v>
          </cell>
          <cell r="E550">
            <v>5000</v>
          </cell>
          <cell r="F550" t="str">
            <v>467-4</v>
          </cell>
          <cell r="G550">
            <v>33</v>
          </cell>
          <cell r="J550">
            <v>108390</v>
          </cell>
          <cell r="L550">
            <v>0</v>
          </cell>
          <cell r="N550">
            <v>11</v>
          </cell>
          <cell r="O550">
            <v>1</v>
          </cell>
        </row>
        <row r="551">
          <cell r="C551">
            <v>54680</v>
          </cell>
          <cell r="D551" t="str">
            <v>死体菜園</v>
          </cell>
          <cell r="E551">
            <v>1600</v>
          </cell>
          <cell r="F551" t="str">
            <v>468-1</v>
          </cell>
          <cell r="G551">
            <v>33</v>
          </cell>
          <cell r="J551">
            <v>108400</v>
          </cell>
          <cell r="K551" t="str">
            <v>A</v>
          </cell>
          <cell r="N551">
            <v>11</v>
          </cell>
          <cell r="O551">
            <v>1</v>
          </cell>
        </row>
        <row r="552">
          <cell r="C552">
            <v>54690</v>
          </cell>
          <cell r="D552" t="str">
            <v>はじめる Excel97</v>
          </cell>
          <cell r="E552">
            <v>1333</v>
          </cell>
          <cell r="F552" t="str">
            <v>469-8</v>
          </cell>
          <cell r="G552">
            <v>33</v>
          </cell>
          <cell r="J552">
            <v>108420</v>
          </cell>
          <cell r="K552">
            <v>0</v>
          </cell>
          <cell r="L552">
            <v>0</v>
          </cell>
          <cell r="N552">
            <v>11</v>
          </cell>
          <cell r="O552">
            <v>1</v>
          </cell>
        </row>
        <row r="553">
          <cell r="C553">
            <v>54700</v>
          </cell>
          <cell r="D553" t="str">
            <v>はじめる Word97</v>
          </cell>
          <cell r="E553">
            <v>1333</v>
          </cell>
          <cell r="F553" t="str">
            <v>470-4</v>
          </cell>
          <cell r="G553">
            <v>33</v>
          </cell>
          <cell r="J553">
            <v>108430</v>
          </cell>
          <cell r="K553" t="str">
            <v>C</v>
          </cell>
          <cell r="N553">
            <v>11</v>
          </cell>
          <cell r="O553">
            <v>1</v>
          </cell>
        </row>
        <row r="554">
          <cell r="C554">
            <v>54710</v>
          </cell>
          <cell r="D554" t="str">
            <v>はじめる PowerPoint97</v>
          </cell>
          <cell r="E554">
            <v>1333</v>
          </cell>
          <cell r="F554" t="str">
            <v>471-1</v>
          </cell>
          <cell r="G554">
            <v>33</v>
          </cell>
          <cell r="J554">
            <v>108440</v>
          </cell>
          <cell r="K554" t="str">
            <v>B</v>
          </cell>
          <cell r="N554">
            <v>11</v>
          </cell>
          <cell r="O554">
            <v>1</v>
          </cell>
        </row>
        <row r="555">
          <cell r="C555">
            <v>54720</v>
          </cell>
          <cell r="D555" t="str">
            <v>はじめる Access97</v>
          </cell>
          <cell r="E555">
            <v>1333</v>
          </cell>
          <cell r="F555" t="str">
            <v>472-8</v>
          </cell>
          <cell r="G555">
            <v>33</v>
          </cell>
          <cell r="J555">
            <v>108460</v>
          </cell>
          <cell r="N555">
            <v>33</v>
          </cell>
          <cell r="O555">
            <v>1</v>
          </cell>
        </row>
        <row r="556">
          <cell r="C556">
            <v>54730</v>
          </cell>
          <cell r="D556" t="str">
            <v>FreeBSD徹底入門</v>
          </cell>
          <cell r="E556">
            <v>3600</v>
          </cell>
          <cell r="F556" t="str">
            <v>473-5</v>
          </cell>
          <cell r="G556">
            <v>33</v>
          </cell>
          <cell r="J556">
            <v>108470</v>
          </cell>
          <cell r="K556" t="str">
            <v>C</v>
          </cell>
          <cell r="L556" t="str">
            <v>C</v>
          </cell>
          <cell r="N556">
            <v>11</v>
          </cell>
          <cell r="O556">
            <v>2</v>
          </cell>
        </row>
        <row r="557">
          <cell r="C557">
            <v>54740</v>
          </cell>
          <cell r="D557" t="str">
            <v>Windows95 APIバイブル 3 マルチメディアODBC編</v>
          </cell>
          <cell r="E557">
            <v>8000</v>
          </cell>
          <cell r="F557" t="str">
            <v>474-2</v>
          </cell>
          <cell r="G557">
            <v>33</v>
          </cell>
          <cell r="J557">
            <v>108480</v>
          </cell>
          <cell r="N557">
            <v>11</v>
          </cell>
          <cell r="O557">
            <v>1</v>
          </cell>
        </row>
        <row r="558">
          <cell r="C558">
            <v>54750</v>
          </cell>
          <cell r="D558" t="str">
            <v>WindowsNTServer4.0パーフェクトガイド</v>
          </cell>
          <cell r="E558">
            <v>8000</v>
          </cell>
          <cell r="F558" t="str">
            <v>475-9</v>
          </cell>
          <cell r="G558">
            <v>33</v>
          </cell>
          <cell r="J558">
            <v>108490</v>
          </cell>
          <cell r="K558" t="str">
            <v>B</v>
          </cell>
          <cell r="L558" t="str">
            <v>A</v>
          </cell>
          <cell r="N558">
            <v>11</v>
          </cell>
          <cell r="O558">
            <v>1</v>
          </cell>
        </row>
        <row r="559">
          <cell r="C559">
            <v>54760</v>
          </cell>
          <cell r="D559" t="str">
            <v>Peopleへようこそ</v>
          </cell>
          <cell r="E559">
            <v>2000</v>
          </cell>
          <cell r="F559" t="str">
            <v>476-6</v>
          </cell>
          <cell r="G559">
            <v>33</v>
          </cell>
          <cell r="J559">
            <v>108500</v>
          </cell>
          <cell r="N559">
            <v>11</v>
          </cell>
          <cell r="O559">
            <v>1</v>
          </cell>
        </row>
        <row r="560">
          <cell r="C560">
            <v>54780</v>
          </cell>
          <cell r="D560" t="str">
            <v>Visual C++ MFC4 プログラミング</v>
          </cell>
          <cell r="E560">
            <v>8000</v>
          </cell>
          <cell r="F560" t="str">
            <v>478-0</v>
          </cell>
          <cell r="G560">
            <v>33</v>
          </cell>
          <cell r="J560">
            <v>108510</v>
          </cell>
          <cell r="K560" t="str">
            <v>A</v>
          </cell>
          <cell r="L560">
            <v>0</v>
          </cell>
          <cell r="M560">
            <v>0</v>
          </cell>
          <cell r="N560">
            <v>11</v>
          </cell>
          <cell r="O560">
            <v>2</v>
          </cell>
        </row>
        <row r="561">
          <cell r="C561">
            <v>54790</v>
          </cell>
          <cell r="D561" t="str">
            <v>Director5.0LINGOテクニック (Windows)</v>
          </cell>
          <cell r="E561">
            <v>5000</v>
          </cell>
          <cell r="F561" t="str">
            <v>479-7</v>
          </cell>
          <cell r="G561">
            <v>33</v>
          </cell>
          <cell r="J561">
            <v>108520</v>
          </cell>
          <cell r="K561" t="str">
            <v>C</v>
          </cell>
          <cell r="L561">
            <v>0</v>
          </cell>
          <cell r="N561">
            <v>11</v>
          </cell>
          <cell r="O561">
            <v>1</v>
          </cell>
        </row>
        <row r="562">
          <cell r="C562">
            <v>54800</v>
          </cell>
          <cell r="D562" t="str">
            <v>オフィスで使えるWindowsNT Workstation4.0入門</v>
          </cell>
          <cell r="E562">
            <v>2800</v>
          </cell>
          <cell r="F562" t="str">
            <v>480-3</v>
          </cell>
          <cell r="G562">
            <v>33</v>
          </cell>
          <cell r="J562">
            <v>108540</v>
          </cell>
          <cell r="K562" t="str">
            <v>C</v>
          </cell>
          <cell r="L562">
            <v>0</v>
          </cell>
          <cell r="N562">
            <v>11</v>
          </cell>
          <cell r="O562">
            <v>1</v>
          </cell>
        </row>
        <row r="563">
          <cell r="C563">
            <v>54810</v>
          </cell>
          <cell r="D563" t="str">
            <v>入門VB Script</v>
          </cell>
          <cell r="E563">
            <v>3700</v>
          </cell>
          <cell r="F563" t="str">
            <v>481-0</v>
          </cell>
          <cell r="G563">
            <v>33</v>
          </cell>
          <cell r="J563">
            <v>108550</v>
          </cell>
          <cell r="K563" t="str">
            <v>C</v>
          </cell>
          <cell r="L563" t="str">
            <v>C</v>
          </cell>
          <cell r="N563">
            <v>11</v>
          </cell>
          <cell r="O563">
            <v>2</v>
          </cell>
        </row>
        <row r="564">
          <cell r="C564">
            <v>54820</v>
          </cell>
          <cell r="D564" t="str">
            <v>Windows95トラブルケーススタディ</v>
          </cell>
          <cell r="E564">
            <v>2000</v>
          </cell>
          <cell r="F564" t="str">
            <v>482-7</v>
          </cell>
          <cell r="G564">
            <v>33</v>
          </cell>
          <cell r="J564">
            <v>108560</v>
          </cell>
          <cell r="K564" t="str">
            <v>B</v>
          </cell>
          <cell r="L564">
            <v>0</v>
          </cell>
          <cell r="N564">
            <v>11</v>
          </cell>
          <cell r="O564">
            <v>1</v>
          </cell>
        </row>
        <row r="565">
          <cell r="C565">
            <v>54830</v>
          </cell>
          <cell r="D565" t="str">
            <v>人はなぜ空想するのか</v>
          </cell>
          <cell r="E565">
            <v>2800</v>
          </cell>
          <cell r="F565" t="str">
            <v>483-4</v>
          </cell>
          <cell r="G565">
            <v>33</v>
          </cell>
          <cell r="J565">
            <v>108570</v>
          </cell>
          <cell r="K565" t="str">
            <v>B</v>
          </cell>
          <cell r="L565" t="str">
            <v>B</v>
          </cell>
          <cell r="N565">
            <v>11</v>
          </cell>
          <cell r="O565">
            <v>2</v>
          </cell>
        </row>
        <row r="566">
          <cell r="C566">
            <v>54840</v>
          </cell>
          <cell r="D566" t="str">
            <v>天空の蛇</v>
          </cell>
          <cell r="E566">
            <v>2400</v>
          </cell>
          <cell r="F566" t="str">
            <v>484-1</v>
          </cell>
          <cell r="G566">
            <v>33</v>
          </cell>
          <cell r="J566">
            <v>108580</v>
          </cell>
          <cell r="K566" t="str">
            <v>C</v>
          </cell>
          <cell r="N566">
            <v>11</v>
          </cell>
          <cell r="O566">
            <v>1</v>
          </cell>
        </row>
        <row r="567">
          <cell r="C567">
            <v>54850</v>
          </cell>
          <cell r="D567" t="str">
            <v>アマゾンの白い酋長</v>
          </cell>
          <cell r="E567">
            <v>1800</v>
          </cell>
          <cell r="F567" t="str">
            <v>485-8</v>
          </cell>
          <cell r="G567">
            <v>33</v>
          </cell>
          <cell r="J567">
            <v>108600</v>
          </cell>
          <cell r="L567">
            <v>0</v>
          </cell>
          <cell r="N567">
            <v>11</v>
          </cell>
          <cell r="O567">
            <v>1</v>
          </cell>
        </row>
        <row r="568">
          <cell r="C568">
            <v>54860</v>
          </cell>
          <cell r="D568" t="str">
            <v>豚</v>
          </cell>
          <cell r="E568">
            <v>1800</v>
          </cell>
          <cell r="F568" t="str">
            <v>486-5</v>
          </cell>
          <cell r="G568">
            <v>33</v>
          </cell>
          <cell r="J568">
            <v>108610</v>
          </cell>
          <cell r="K568" t="str">
            <v>B</v>
          </cell>
          <cell r="N568">
            <v>11</v>
          </cell>
          <cell r="O568">
            <v>1</v>
          </cell>
        </row>
        <row r="569">
          <cell r="C569">
            <v>54870</v>
          </cell>
          <cell r="D569" t="str">
            <v>L．L．Beenフライフィッシングハンドブック</v>
          </cell>
          <cell r="E569">
            <v>2500</v>
          </cell>
          <cell r="F569" t="str">
            <v>487-2</v>
          </cell>
          <cell r="G569">
            <v>11</v>
          </cell>
          <cell r="J569">
            <v>108640</v>
          </cell>
          <cell r="K569" t="str">
            <v>C</v>
          </cell>
          <cell r="L569">
            <v>0</v>
          </cell>
          <cell r="N569">
            <v>11</v>
          </cell>
          <cell r="O569">
            <v>1</v>
          </cell>
        </row>
        <row r="570">
          <cell r="C570">
            <v>54880</v>
          </cell>
          <cell r="D570" t="str">
            <v>L．L．Beenバスフライフィッシングハンドブック</v>
          </cell>
          <cell r="E570">
            <v>2500</v>
          </cell>
          <cell r="F570" t="str">
            <v>488-9</v>
          </cell>
          <cell r="G570">
            <v>11</v>
          </cell>
          <cell r="J570">
            <v>108650</v>
          </cell>
          <cell r="K570">
            <v>0</v>
          </cell>
          <cell r="L570">
            <v>0</v>
          </cell>
          <cell r="N570">
            <v>11</v>
          </cell>
          <cell r="O570">
            <v>1</v>
          </cell>
        </row>
        <row r="571">
          <cell r="C571">
            <v>54890</v>
          </cell>
          <cell r="D571" t="str">
            <v>レム 夢の旅</v>
          </cell>
          <cell r="E571">
            <v>1400</v>
          </cell>
          <cell r="F571" t="str">
            <v>489-6</v>
          </cell>
          <cell r="G571">
            <v>33</v>
          </cell>
          <cell r="J571">
            <v>108670</v>
          </cell>
          <cell r="K571" t="str">
            <v>B</v>
          </cell>
          <cell r="N571">
            <v>11</v>
          </cell>
          <cell r="O571">
            <v>1</v>
          </cell>
        </row>
        <row r="572">
          <cell r="C572">
            <v>54900</v>
          </cell>
          <cell r="D572" t="str">
            <v>AutoCAD LT for Windows95パーフェクトガイド</v>
          </cell>
          <cell r="E572">
            <v>6000</v>
          </cell>
          <cell r="F572" t="str">
            <v>490-2</v>
          </cell>
          <cell r="G572">
            <v>33</v>
          </cell>
          <cell r="J572">
            <v>108680</v>
          </cell>
          <cell r="K572">
            <v>0</v>
          </cell>
          <cell r="L572">
            <v>0</v>
          </cell>
          <cell r="N572">
            <v>11</v>
          </cell>
          <cell r="O572">
            <v>1</v>
          </cell>
        </row>
        <row r="573">
          <cell r="C573">
            <v>54910</v>
          </cell>
          <cell r="D573" t="str">
            <v>Webプログラミング</v>
          </cell>
          <cell r="E573">
            <v>5200</v>
          </cell>
          <cell r="F573" t="str">
            <v>491-9</v>
          </cell>
          <cell r="G573">
            <v>33</v>
          </cell>
          <cell r="J573">
            <v>108700</v>
          </cell>
          <cell r="K573" t="str">
            <v>A</v>
          </cell>
          <cell r="L573">
            <v>0</v>
          </cell>
          <cell r="N573">
            <v>11</v>
          </cell>
          <cell r="O573">
            <v>3</v>
          </cell>
        </row>
        <row r="574">
          <cell r="C574">
            <v>54920</v>
          </cell>
          <cell r="D574" t="str">
            <v>VisualBasicゲームプログラミング</v>
          </cell>
          <cell r="E574">
            <v>4200</v>
          </cell>
          <cell r="F574" t="str">
            <v>492-6</v>
          </cell>
          <cell r="G574">
            <v>33</v>
          </cell>
          <cell r="J574">
            <v>108710</v>
          </cell>
          <cell r="K574" t="str">
            <v>C</v>
          </cell>
          <cell r="N574">
            <v>11</v>
          </cell>
          <cell r="O574">
            <v>1</v>
          </cell>
        </row>
        <row r="575">
          <cell r="C575">
            <v>54930</v>
          </cell>
          <cell r="D575" t="str">
            <v>Photoshop4.0Jパーツデザインテクニック</v>
          </cell>
          <cell r="E575">
            <v>3800</v>
          </cell>
          <cell r="F575" t="str">
            <v>493-3</v>
          </cell>
          <cell r="G575">
            <v>33</v>
          </cell>
          <cell r="J575">
            <v>108720</v>
          </cell>
          <cell r="K575" t="str">
            <v>C</v>
          </cell>
          <cell r="N575">
            <v>11</v>
          </cell>
          <cell r="O575">
            <v>1</v>
          </cell>
        </row>
        <row r="576">
          <cell r="C576">
            <v>54940</v>
          </cell>
          <cell r="D576" t="str">
            <v>すぐに使えるJavaWorkshop</v>
          </cell>
          <cell r="E576">
            <v>2500</v>
          </cell>
          <cell r="F576" t="str">
            <v>494-0</v>
          </cell>
          <cell r="G576">
            <v>33</v>
          </cell>
          <cell r="J576">
            <v>108730</v>
          </cell>
          <cell r="K576" t="str">
            <v>C</v>
          </cell>
          <cell r="N576">
            <v>11</v>
          </cell>
          <cell r="O576">
            <v>1</v>
          </cell>
        </row>
        <row r="577">
          <cell r="C577">
            <v>54950</v>
          </cell>
          <cell r="D577" t="str">
            <v>モバイル･コンピューティングのためのPHS徹底活用</v>
          </cell>
          <cell r="E577">
            <v>2000</v>
          </cell>
          <cell r="F577" t="str">
            <v>495-7</v>
          </cell>
          <cell r="G577">
            <v>33</v>
          </cell>
          <cell r="J577">
            <v>108760</v>
          </cell>
          <cell r="K577" t="str">
            <v>B</v>
          </cell>
          <cell r="N577">
            <v>11</v>
          </cell>
          <cell r="O577">
            <v>1</v>
          </cell>
        </row>
        <row r="578">
          <cell r="C578">
            <v>54960</v>
          </cell>
          <cell r="D578" t="str">
            <v>Macintosh版 Photoshop4.0Jビギナーズブック</v>
          </cell>
          <cell r="E578">
            <v>3500</v>
          </cell>
          <cell r="F578" t="str">
            <v>496-4</v>
          </cell>
          <cell r="G578">
            <v>33</v>
          </cell>
          <cell r="J578">
            <v>108770</v>
          </cell>
          <cell r="K578" t="str">
            <v>B</v>
          </cell>
          <cell r="L578">
            <v>0</v>
          </cell>
          <cell r="M578">
            <v>0</v>
          </cell>
          <cell r="N578">
            <v>11</v>
          </cell>
          <cell r="O578">
            <v>2</v>
          </cell>
        </row>
        <row r="579">
          <cell r="C579">
            <v>54970</v>
          </cell>
          <cell r="D579" t="str">
            <v>標準DTP出力講座</v>
          </cell>
          <cell r="E579">
            <v>3200</v>
          </cell>
          <cell r="F579" t="str">
            <v>497-1</v>
          </cell>
          <cell r="G579">
            <v>33</v>
          </cell>
          <cell r="J579">
            <v>108780</v>
          </cell>
          <cell r="K579" t="str">
            <v>B</v>
          </cell>
          <cell r="N579">
            <v>11</v>
          </cell>
          <cell r="O579">
            <v>1</v>
          </cell>
        </row>
        <row r="580">
          <cell r="C580">
            <v>54980</v>
          </cell>
          <cell r="D580" t="str">
            <v>はじめる Excel97 応用編</v>
          </cell>
          <cell r="E580">
            <v>1333</v>
          </cell>
          <cell r="F580" t="str">
            <v>498-8</v>
          </cell>
          <cell r="G580">
            <v>33</v>
          </cell>
          <cell r="J580">
            <v>108790</v>
          </cell>
          <cell r="K580" t="str">
            <v>C</v>
          </cell>
          <cell r="N580">
            <v>11</v>
          </cell>
          <cell r="O580">
            <v>1</v>
          </cell>
        </row>
        <row r="581">
          <cell r="C581">
            <v>54990</v>
          </cell>
          <cell r="D581" t="str">
            <v>はじめる Windows95 改訂版</v>
          </cell>
          <cell r="E581">
            <v>1333</v>
          </cell>
          <cell r="F581" t="str">
            <v>499-5</v>
          </cell>
          <cell r="G581">
            <v>33</v>
          </cell>
          <cell r="J581">
            <v>108810</v>
          </cell>
          <cell r="K581" t="str">
            <v>A</v>
          </cell>
          <cell r="L581">
            <v>0</v>
          </cell>
          <cell r="N581">
            <v>11</v>
          </cell>
          <cell r="O581">
            <v>2</v>
          </cell>
        </row>
        <row r="582">
          <cell r="C582">
            <v>55000</v>
          </cell>
          <cell r="D582" t="str">
            <v>Photoshopスーパーアートワークス 改訂版</v>
          </cell>
          <cell r="E582">
            <v>4800</v>
          </cell>
          <cell r="F582" t="str">
            <v>500-8</v>
          </cell>
          <cell r="G582">
            <v>33</v>
          </cell>
          <cell r="J582">
            <v>108830</v>
          </cell>
          <cell r="K582" t="str">
            <v>B</v>
          </cell>
          <cell r="N582">
            <v>11</v>
          </cell>
          <cell r="O582">
            <v>1</v>
          </cell>
        </row>
        <row r="583">
          <cell r="C583">
            <v>55010</v>
          </cell>
          <cell r="D583" t="str">
            <v>家族でつくるスイートホームページ</v>
          </cell>
          <cell r="E583">
            <v>1800</v>
          </cell>
          <cell r="F583" t="str">
            <v>501-5</v>
          </cell>
          <cell r="G583">
            <v>33</v>
          </cell>
          <cell r="J583">
            <v>108850</v>
          </cell>
          <cell r="K583" t="str">
            <v>C</v>
          </cell>
          <cell r="L583">
            <v>0</v>
          </cell>
          <cell r="N583">
            <v>11</v>
          </cell>
          <cell r="O583">
            <v>1</v>
          </cell>
        </row>
        <row r="584">
          <cell r="C584">
            <v>55030</v>
          </cell>
          <cell r="D584" t="str">
            <v>子どもを殺す子どもたち</v>
          </cell>
          <cell r="E584">
            <v>1800</v>
          </cell>
          <cell r="F584" t="str">
            <v>503-9</v>
          </cell>
          <cell r="G584">
            <v>33</v>
          </cell>
          <cell r="J584">
            <v>108870</v>
          </cell>
          <cell r="K584" t="str">
            <v>A</v>
          </cell>
          <cell r="N584">
            <v>11</v>
          </cell>
          <cell r="O584">
            <v>2</v>
          </cell>
        </row>
        <row r="585">
          <cell r="C585">
            <v>55040</v>
          </cell>
          <cell r="D585" t="str">
            <v>オブジェクト指向プログラミングの考え方</v>
          </cell>
          <cell r="E585">
            <v>2200</v>
          </cell>
          <cell r="F585" t="str">
            <v>504-6</v>
          </cell>
          <cell r="G585">
            <v>33</v>
          </cell>
          <cell r="J585">
            <v>108890</v>
          </cell>
          <cell r="K585" t="str">
            <v>B</v>
          </cell>
          <cell r="L585">
            <v>0</v>
          </cell>
          <cell r="N585">
            <v>11</v>
          </cell>
          <cell r="O585">
            <v>1</v>
          </cell>
        </row>
        <row r="586">
          <cell r="C586">
            <v>55050</v>
          </cell>
          <cell r="D586" t="str">
            <v>経度への挑戦</v>
          </cell>
          <cell r="E586">
            <v>1400</v>
          </cell>
          <cell r="F586" t="str">
            <v>505-3</v>
          </cell>
          <cell r="G586">
            <v>33</v>
          </cell>
          <cell r="J586">
            <v>108920</v>
          </cell>
          <cell r="K586" t="str">
            <v>B</v>
          </cell>
          <cell r="N586">
            <v>11</v>
          </cell>
          <cell r="O586">
            <v>1</v>
          </cell>
        </row>
        <row r="587">
          <cell r="C587">
            <v>55060</v>
          </cell>
          <cell r="D587" t="str">
            <v>IBM Visual Age for Basic入門</v>
          </cell>
          <cell r="E587">
            <v>2000</v>
          </cell>
          <cell r="F587" t="str">
            <v>506-0</v>
          </cell>
          <cell r="G587">
            <v>33</v>
          </cell>
          <cell r="J587">
            <v>108930</v>
          </cell>
          <cell r="K587" t="str">
            <v>A</v>
          </cell>
          <cell r="N587">
            <v>11</v>
          </cell>
          <cell r="O587">
            <v>2</v>
          </cell>
        </row>
        <row r="588">
          <cell r="C588">
            <v>55090</v>
          </cell>
          <cell r="D588" t="str">
            <v>OADGカタログ Vol.11(97.5)</v>
          </cell>
          <cell r="E588">
            <v>3619</v>
          </cell>
          <cell r="F588" t="str">
            <v>509-1</v>
          </cell>
          <cell r="G588">
            <v>33</v>
          </cell>
          <cell r="J588">
            <v>108950</v>
          </cell>
          <cell r="L588">
            <v>0</v>
          </cell>
          <cell r="N588">
            <v>11</v>
          </cell>
          <cell r="O588">
            <v>1</v>
          </cell>
        </row>
        <row r="589">
          <cell r="C589">
            <v>55110</v>
          </cell>
          <cell r="D589" t="str">
            <v>ミニマリスト・プログラム</v>
          </cell>
          <cell r="E589">
            <v>7800</v>
          </cell>
          <cell r="F589" t="str">
            <v>511-4</v>
          </cell>
          <cell r="G589">
            <v>33</v>
          </cell>
          <cell r="J589">
            <v>108960</v>
          </cell>
          <cell r="K589" t="str">
            <v>C</v>
          </cell>
          <cell r="N589">
            <v>11</v>
          </cell>
          <cell r="O589">
            <v>1</v>
          </cell>
        </row>
        <row r="590">
          <cell r="C590">
            <v>55120</v>
          </cell>
          <cell r="D590" t="str">
            <v>数は何を語るのか</v>
          </cell>
          <cell r="E590">
            <v>2500</v>
          </cell>
          <cell r="F590" t="str">
            <v>512-1</v>
          </cell>
          <cell r="G590">
            <v>33</v>
          </cell>
          <cell r="J590">
            <v>108970</v>
          </cell>
          <cell r="K590" t="str">
            <v>A</v>
          </cell>
          <cell r="L590" t="str">
            <v>C</v>
          </cell>
          <cell r="M590" t="str">
            <v>●</v>
          </cell>
          <cell r="N590">
            <v>11</v>
          </cell>
          <cell r="O590">
            <v>2</v>
          </cell>
        </row>
        <row r="591">
          <cell r="C591">
            <v>55130</v>
          </cell>
          <cell r="D591" t="str">
            <v>奪われし未来</v>
          </cell>
          <cell r="E591">
            <v>1800</v>
          </cell>
          <cell r="F591" t="str">
            <v>513-8</v>
          </cell>
          <cell r="G591">
            <v>33</v>
          </cell>
          <cell r="J591">
            <v>108980</v>
          </cell>
          <cell r="K591" t="str">
            <v>A</v>
          </cell>
          <cell r="L591" t="str">
            <v>C</v>
          </cell>
          <cell r="N591">
            <v>11</v>
          </cell>
          <cell r="O591">
            <v>2</v>
          </cell>
        </row>
        <row r="592">
          <cell r="C592">
            <v>55140</v>
          </cell>
          <cell r="D592" t="str">
            <v>リメンバー・ウェルネス</v>
          </cell>
          <cell r="E592">
            <v>2000</v>
          </cell>
          <cell r="F592" t="str">
            <v>514-5</v>
          </cell>
          <cell r="G592">
            <v>33</v>
          </cell>
          <cell r="J592">
            <v>108990</v>
          </cell>
          <cell r="K592" t="str">
            <v>C</v>
          </cell>
          <cell r="N592">
            <v>11</v>
          </cell>
          <cell r="O592">
            <v>1</v>
          </cell>
        </row>
        <row r="593">
          <cell r="C593">
            <v>55150</v>
          </cell>
          <cell r="D593" t="str">
            <v>よいネコ、わるい癖part1</v>
          </cell>
          <cell r="E593">
            <v>1300</v>
          </cell>
          <cell r="F593" t="str">
            <v>515-2</v>
          </cell>
          <cell r="G593">
            <v>33</v>
          </cell>
          <cell r="J593">
            <v>109010</v>
          </cell>
          <cell r="K593" t="str">
            <v>A</v>
          </cell>
          <cell r="N593">
            <v>11</v>
          </cell>
          <cell r="O593">
            <v>2</v>
          </cell>
        </row>
        <row r="594">
          <cell r="C594">
            <v>55160</v>
          </cell>
          <cell r="D594" t="str">
            <v>よいイヌ、わるい癖part1</v>
          </cell>
          <cell r="E594">
            <v>1300</v>
          </cell>
          <cell r="F594" t="str">
            <v>516-9</v>
          </cell>
          <cell r="G594">
            <v>33</v>
          </cell>
          <cell r="J594">
            <v>109020</v>
          </cell>
          <cell r="K594" t="str">
            <v>B</v>
          </cell>
          <cell r="N594">
            <v>11</v>
          </cell>
          <cell r="O594">
            <v>2</v>
          </cell>
        </row>
        <row r="595">
          <cell r="C595">
            <v>55170</v>
          </cell>
          <cell r="D595" t="str">
            <v>WindowsNTServer+IISWebサイト構築</v>
          </cell>
          <cell r="E595">
            <v>4200</v>
          </cell>
          <cell r="F595" t="str">
            <v>517-6</v>
          </cell>
          <cell r="G595">
            <v>33</v>
          </cell>
          <cell r="J595">
            <v>109040</v>
          </cell>
          <cell r="N595">
            <v>11</v>
          </cell>
          <cell r="O595">
            <v>1</v>
          </cell>
        </row>
        <row r="596">
          <cell r="C596">
            <v>55180</v>
          </cell>
          <cell r="D596" t="str">
            <v>今すぐはじめるAcrobat3.0J</v>
          </cell>
          <cell r="E596">
            <v>2200</v>
          </cell>
          <cell r="F596" t="str">
            <v>518-3</v>
          </cell>
          <cell r="G596">
            <v>33</v>
          </cell>
          <cell r="J596">
            <v>109050</v>
          </cell>
          <cell r="N596">
            <v>11</v>
          </cell>
          <cell r="O596">
            <v>1</v>
          </cell>
        </row>
        <row r="597">
          <cell r="C597">
            <v>55190</v>
          </cell>
          <cell r="D597" t="str">
            <v>FrontPage97ではじめるホームページデザイン</v>
          </cell>
          <cell r="E597">
            <v>2000</v>
          </cell>
          <cell r="F597" t="str">
            <v>519-0</v>
          </cell>
          <cell r="G597">
            <v>33</v>
          </cell>
          <cell r="J597">
            <v>109080</v>
          </cell>
          <cell r="K597" t="str">
            <v>A</v>
          </cell>
          <cell r="N597">
            <v>11</v>
          </cell>
          <cell r="O597">
            <v>1</v>
          </cell>
        </row>
        <row r="598">
          <cell r="C598">
            <v>55200</v>
          </cell>
          <cell r="D598" t="str">
            <v>HTMLヘルプ・オーサリング・ガイド</v>
          </cell>
          <cell r="E598">
            <v>2800</v>
          </cell>
          <cell r="F598" t="str">
            <v>520-6</v>
          </cell>
          <cell r="G598">
            <v>33</v>
          </cell>
          <cell r="J598">
            <v>109090</v>
          </cell>
          <cell r="K598" t="str">
            <v>C</v>
          </cell>
          <cell r="L598">
            <v>0</v>
          </cell>
          <cell r="N598">
            <v>11</v>
          </cell>
          <cell r="O598">
            <v>1</v>
          </cell>
        </row>
        <row r="599">
          <cell r="C599">
            <v>55210</v>
          </cell>
          <cell r="D599" t="str">
            <v>ORACLE PL/SQLプログラミング</v>
          </cell>
          <cell r="E599">
            <v>5600</v>
          </cell>
          <cell r="F599" t="str">
            <v>521-3</v>
          </cell>
          <cell r="G599">
            <v>33</v>
          </cell>
          <cell r="J599">
            <v>109100</v>
          </cell>
          <cell r="K599" t="str">
            <v>A</v>
          </cell>
          <cell r="N599">
            <v>11</v>
          </cell>
          <cell r="O599">
            <v>1</v>
          </cell>
        </row>
        <row r="600">
          <cell r="C600">
            <v>55220</v>
          </cell>
          <cell r="D600" t="str">
            <v>VisualC++MFCバイブル</v>
          </cell>
          <cell r="E600">
            <v>8800</v>
          </cell>
          <cell r="F600" t="str">
            <v>522-0</v>
          </cell>
          <cell r="G600">
            <v>33</v>
          </cell>
          <cell r="J600">
            <v>109110</v>
          </cell>
          <cell r="K600" t="str">
            <v>B</v>
          </cell>
          <cell r="N600">
            <v>11</v>
          </cell>
          <cell r="O600">
            <v>2</v>
          </cell>
        </row>
        <row r="601">
          <cell r="C601">
            <v>55230</v>
          </cell>
          <cell r="D601" t="str">
            <v>Diabloシークレットブック</v>
          </cell>
          <cell r="E601">
            <v>1800</v>
          </cell>
          <cell r="F601" t="str">
            <v>523-7</v>
          </cell>
          <cell r="G601">
            <v>33</v>
          </cell>
          <cell r="J601">
            <v>109120</v>
          </cell>
          <cell r="K601" t="str">
            <v>C</v>
          </cell>
          <cell r="L601">
            <v>0</v>
          </cell>
          <cell r="N601">
            <v>11</v>
          </cell>
          <cell r="O601">
            <v>1</v>
          </cell>
        </row>
        <row r="602">
          <cell r="C602">
            <v>55240</v>
          </cell>
          <cell r="D602" t="str">
            <v>PCカードテクニカルガイド</v>
          </cell>
          <cell r="E602">
            <v>3000</v>
          </cell>
          <cell r="F602" t="str">
            <v>524-4</v>
          </cell>
          <cell r="G602">
            <v>33</v>
          </cell>
          <cell r="J602">
            <v>109150</v>
          </cell>
          <cell r="K602" t="str">
            <v>C</v>
          </cell>
          <cell r="N602">
            <v>11</v>
          </cell>
          <cell r="O602">
            <v>1</v>
          </cell>
        </row>
        <row r="603">
          <cell r="C603">
            <v>55250</v>
          </cell>
          <cell r="D603" t="str">
            <v>よいネコ、わるい癖part2</v>
          </cell>
          <cell r="E603">
            <v>1300</v>
          </cell>
          <cell r="F603" t="str">
            <v>525-1</v>
          </cell>
          <cell r="G603">
            <v>33</v>
          </cell>
          <cell r="J603">
            <v>109160</v>
          </cell>
          <cell r="N603">
            <v>11</v>
          </cell>
          <cell r="O603">
            <v>1</v>
          </cell>
        </row>
        <row r="604">
          <cell r="C604">
            <v>55260</v>
          </cell>
          <cell r="D604" t="str">
            <v>よいイヌ、わるい癖part2</v>
          </cell>
          <cell r="E604">
            <v>1300</v>
          </cell>
          <cell r="F604" t="str">
            <v>526-8</v>
          </cell>
          <cell r="G604">
            <v>33</v>
          </cell>
          <cell r="J604">
            <v>109170</v>
          </cell>
          <cell r="N604">
            <v>11</v>
          </cell>
          <cell r="O604">
            <v>1</v>
          </cell>
        </row>
        <row r="605">
          <cell r="C605">
            <v>55270</v>
          </cell>
          <cell r="D605" t="str">
            <v>Windows95版 Photoshop4.0Jビギナーズブック</v>
          </cell>
          <cell r="E605">
            <v>3500</v>
          </cell>
          <cell r="F605" t="str">
            <v>527-5</v>
          </cell>
          <cell r="G605">
            <v>33</v>
          </cell>
          <cell r="J605">
            <v>109180</v>
          </cell>
          <cell r="K605" t="str">
            <v>A</v>
          </cell>
          <cell r="N605">
            <v>11</v>
          </cell>
          <cell r="O605">
            <v>1</v>
          </cell>
        </row>
        <row r="606">
          <cell r="C606">
            <v>55280</v>
          </cell>
          <cell r="D606" t="str">
            <v>はじめる ニフティマネージャーWindows版</v>
          </cell>
          <cell r="E606">
            <v>2000</v>
          </cell>
          <cell r="F606" t="str">
            <v>528-2</v>
          </cell>
          <cell r="G606">
            <v>33</v>
          </cell>
          <cell r="J606">
            <v>109190</v>
          </cell>
          <cell r="K606" t="str">
            <v>B</v>
          </cell>
          <cell r="L606">
            <v>0</v>
          </cell>
          <cell r="N606">
            <v>11</v>
          </cell>
          <cell r="O606">
            <v>1</v>
          </cell>
        </row>
        <row r="607">
          <cell r="C607">
            <v>55290</v>
          </cell>
          <cell r="D607" t="str">
            <v>酒井法雄のVisualBasic5.0ブリーフィング</v>
          </cell>
          <cell r="E607">
            <v>2400</v>
          </cell>
          <cell r="F607" t="str">
            <v>529-9</v>
          </cell>
          <cell r="G607">
            <v>33</v>
          </cell>
          <cell r="J607">
            <v>109200</v>
          </cell>
          <cell r="K607" t="str">
            <v>A</v>
          </cell>
          <cell r="N607">
            <v>11</v>
          </cell>
          <cell r="O607">
            <v>2</v>
          </cell>
        </row>
        <row r="608">
          <cell r="C608">
            <v>55300</v>
          </cell>
          <cell r="D608" t="str">
            <v>FreeBSD(98)徹底入門</v>
          </cell>
          <cell r="E608">
            <v>3800</v>
          </cell>
          <cell r="F608" t="str">
            <v>530-5</v>
          </cell>
          <cell r="G608">
            <v>33</v>
          </cell>
          <cell r="J608">
            <v>109220</v>
          </cell>
          <cell r="K608" t="str">
            <v>A</v>
          </cell>
          <cell r="L608">
            <v>0</v>
          </cell>
          <cell r="N608">
            <v>11</v>
          </cell>
          <cell r="O608">
            <v>1</v>
          </cell>
        </row>
        <row r="609">
          <cell r="C609">
            <v>55310</v>
          </cell>
          <cell r="D609" t="str">
            <v>Java APIスーパーバイブル 1</v>
          </cell>
          <cell r="E609">
            <v>7200</v>
          </cell>
          <cell r="F609" t="str">
            <v>531-2</v>
          </cell>
          <cell r="G609">
            <v>33</v>
          </cell>
          <cell r="J609">
            <v>109230</v>
          </cell>
          <cell r="K609" t="str">
            <v>B</v>
          </cell>
          <cell r="N609">
            <v>11</v>
          </cell>
          <cell r="O609">
            <v>1</v>
          </cell>
        </row>
        <row r="610">
          <cell r="C610">
            <v>55320</v>
          </cell>
          <cell r="D610" t="str">
            <v>すぐに使えるGIFアニメーション2800</v>
          </cell>
          <cell r="E610">
            <v>3700</v>
          </cell>
          <cell r="F610" t="str">
            <v>532-9</v>
          </cell>
          <cell r="G610">
            <v>33</v>
          </cell>
          <cell r="J610">
            <v>109240</v>
          </cell>
          <cell r="K610" t="str">
            <v>A</v>
          </cell>
          <cell r="N610">
            <v>11</v>
          </cell>
          <cell r="O610">
            <v>2</v>
          </cell>
        </row>
        <row r="611">
          <cell r="C611">
            <v>55330</v>
          </cell>
          <cell r="D611" t="str">
            <v>三毛猫の遺伝学</v>
          </cell>
          <cell r="E611">
            <v>1800</v>
          </cell>
          <cell r="F611" t="str">
            <v>533-6</v>
          </cell>
          <cell r="G611">
            <v>33</v>
          </cell>
          <cell r="J611">
            <v>109250</v>
          </cell>
          <cell r="K611" t="str">
            <v>C</v>
          </cell>
          <cell r="L611">
            <v>0</v>
          </cell>
          <cell r="N611">
            <v>11</v>
          </cell>
          <cell r="O611">
            <v>1</v>
          </cell>
        </row>
        <row r="612">
          <cell r="C612">
            <v>55340</v>
          </cell>
          <cell r="D612" t="str">
            <v>Macintoshデザイナーズバイブル</v>
          </cell>
          <cell r="E612">
            <v>3600</v>
          </cell>
          <cell r="F612" t="str">
            <v>534-3</v>
          </cell>
          <cell r="G612">
            <v>33</v>
          </cell>
          <cell r="J612">
            <v>109260</v>
          </cell>
          <cell r="K612" t="str">
            <v>C</v>
          </cell>
          <cell r="N612">
            <v>11</v>
          </cell>
          <cell r="O612">
            <v>1</v>
          </cell>
        </row>
        <row r="613">
          <cell r="C613">
            <v>55350</v>
          </cell>
          <cell r="D613" t="str">
            <v>コーンウォールの池のほとりで</v>
          </cell>
          <cell r="E613">
            <v>1500</v>
          </cell>
          <cell r="F613" t="str">
            <v>535-0</v>
          </cell>
          <cell r="G613">
            <v>33</v>
          </cell>
          <cell r="J613">
            <v>109270</v>
          </cell>
          <cell r="K613" t="str">
            <v>C</v>
          </cell>
          <cell r="L613">
            <v>0</v>
          </cell>
          <cell r="N613">
            <v>11</v>
          </cell>
          <cell r="O613">
            <v>1</v>
          </cell>
        </row>
        <row r="614">
          <cell r="C614">
            <v>55360</v>
          </cell>
          <cell r="D614" t="str">
            <v>10日でおぼえる VisualBasic5.0入門教室</v>
          </cell>
          <cell r="E614">
            <v>2800</v>
          </cell>
          <cell r="F614" t="str">
            <v>536-7</v>
          </cell>
          <cell r="G614">
            <v>33</v>
          </cell>
          <cell r="J614">
            <v>109280</v>
          </cell>
          <cell r="N614">
            <v>11</v>
          </cell>
          <cell r="O614">
            <v>1</v>
          </cell>
        </row>
        <row r="615">
          <cell r="C615">
            <v>55370</v>
          </cell>
          <cell r="D615" t="str">
            <v>Visual C++5.0プログラミング</v>
          </cell>
          <cell r="E615">
            <v>4700</v>
          </cell>
          <cell r="F615" t="str">
            <v>537-4</v>
          </cell>
          <cell r="G615">
            <v>33</v>
          </cell>
          <cell r="J615">
            <v>109290</v>
          </cell>
          <cell r="K615" t="str">
            <v>A</v>
          </cell>
          <cell r="N615">
            <v>11</v>
          </cell>
          <cell r="O615">
            <v>1</v>
          </cell>
        </row>
        <row r="616">
          <cell r="C616">
            <v>55380</v>
          </cell>
          <cell r="D616" t="str">
            <v>FreeBSD徹底活用 1 ネットワーク編</v>
          </cell>
          <cell r="E616">
            <v>2800</v>
          </cell>
          <cell r="F616" t="str">
            <v>538-1</v>
          </cell>
          <cell r="G616">
            <v>33</v>
          </cell>
          <cell r="J616">
            <v>109300</v>
          </cell>
          <cell r="N616">
            <v>11</v>
          </cell>
          <cell r="O616">
            <v>1</v>
          </cell>
        </row>
        <row r="617">
          <cell r="C617">
            <v>55390</v>
          </cell>
          <cell r="D617" t="str">
            <v>VisualBasicエンタープライズデベロップメント</v>
          </cell>
          <cell r="E617">
            <v>8000</v>
          </cell>
          <cell r="F617" t="str">
            <v>539-8</v>
          </cell>
          <cell r="G617">
            <v>33</v>
          </cell>
          <cell r="J617">
            <v>109310</v>
          </cell>
          <cell r="K617" t="str">
            <v>B</v>
          </cell>
          <cell r="L617">
            <v>0</v>
          </cell>
          <cell r="N617">
            <v>11</v>
          </cell>
          <cell r="O617">
            <v>1</v>
          </cell>
        </row>
        <row r="618">
          <cell r="C618">
            <v>55400</v>
          </cell>
          <cell r="D618" t="str">
            <v>Java APIスーパーバイブル 2</v>
          </cell>
          <cell r="E618">
            <v>8000</v>
          </cell>
          <cell r="F618" t="str">
            <v>540-4</v>
          </cell>
          <cell r="G618">
            <v>33</v>
          </cell>
          <cell r="J618">
            <v>109320</v>
          </cell>
          <cell r="K618" t="str">
            <v>C</v>
          </cell>
          <cell r="L618">
            <v>0</v>
          </cell>
          <cell r="N618">
            <v>11</v>
          </cell>
          <cell r="O618">
            <v>1</v>
          </cell>
        </row>
        <row r="619">
          <cell r="C619">
            <v>55410</v>
          </cell>
          <cell r="D619" t="str">
            <v>Diabloシークレットブック エキスパート編</v>
          </cell>
          <cell r="E619">
            <v>1800</v>
          </cell>
          <cell r="F619" t="str">
            <v>541-1</v>
          </cell>
          <cell r="G619">
            <v>33</v>
          </cell>
          <cell r="J619">
            <v>109330</v>
          </cell>
          <cell r="K619" t="str">
            <v>B</v>
          </cell>
          <cell r="N619">
            <v>11</v>
          </cell>
          <cell r="O619">
            <v>2</v>
          </cell>
        </row>
        <row r="620">
          <cell r="C620">
            <v>55430</v>
          </cell>
          <cell r="D620" t="str">
            <v>Direct3Dプログラミングガイドブック</v>
          </cell>
          <cell r="E620">
            <v>3200</v>
          </cell>
          <cell r="F620" t="str">
            <v>543-5</v>
          </cell>
          <cell r="G620">
            <v>11</v>
          </cell>
          <cell r="J620">
            <v>109340</v>
          </cell>
          <cell r="N620">
            <v>11</v>
          </cell>
          <cell r="O620">
            <v>1</v>
          </cell>
        </row>
        <row r="621">
          <cell r="C621">
            <v>55440</v>
          </cell>
          <cell r="D621" t="str">
            <v>独習VisualBasic5.0</v>
          </cell>
          <cell r="E621">
            <v>2800</v>
          </cell>
          <cell r="F621" t="str">
            <v>544-2</v>
          </cell>
          <cell r="G621">
            <v>33</v>
          </cell>
          <cell r="J621">
            <v>109380</v>
          </cell>
          <cell r="K621" t="str">
            <v>B</v>
          </cell>
          <cell r="N621">
            <v>11</v>
          </cell>
          <cell r="O621">
            <v>2</v>
          </cell>
        </row>
        <row r="622">
          <cell r="C622">
            <v>55450</v>
          </cell>
          <cell r="D622" t="str">
            <v>はじめる NetscapeCommuncator4.0J</v>
          </cell>
          <cell r="E622">
            <v>1600</v>
          </cell>
          <cell r="F622" t="str">
            <v>545-9</v>
          </cell>
          <cell r="G622">
            <v>33</v>
          </cell>
          <cell r="J622">
            <v>109390</v>
          </cell>
          <cell r="K622" t="str">
            <v>C</v>
          </cell>
          <cell r="L622">
            <v>0</v>
          </cell>
          <cell r="N622">
            <v>11</v>
          </cell>
          <cell r="O622">
            <v>1</v>
          </cell>
        </row>
        <row r="623">
          <cell r="C623">
            <v>55460</v>
          </cell>
          <cell r="D623" t="str">
            <v>Illustrtor7.0Jビギナーズブック Macintosh版</v>
          </cell>
          <cell r="E623">
            <v>3200</v>
          </cell>
          <cell r="F623" t="str">
            <v>546-6</v>
          </cell>
          <cell r="G623">
            <v>33</v>
          </cell>
          <cell r="J623">
            <v>109400</v>
          </cell>
          <cell r="K623" t="str">
            <v>C</v>
          </cell>
          <cell r="L623">
            <v>0</v>
          </cell>
          <cell r="N623">
            <v>11</v>
          </cell>
          <cell r="O623">
            <v>1</v>
          </cell>
        </row>
        <row r="624">
          <cell r="C624">
            <v>55470</v>
          </cell>
          <cell r="D624" t="str">
            <v>Webサーバコンフィグレーションリファレンス</v>
          </cell>
          <cell r="E624">
            <v>2200</v>
          </cell>
          <cell r="F624" t="str">
            <v>547-3</v>
          </cell>
          <cell r="G624">
            <v>33</v>
          </cell>
          <cell r="J624">
            <v>109410</v>
          </cell>
          <cell r="K624" t="str">
            <v>C</v>
          </cell>
          <cell r="N624">
            <v>11</v>
          </cell>
          <cell r="O624">
            <v>1</v>
          </cell>
        </row>
        <row r="625">
          <cell r="C625">
            <v>55480</v>
          </cell>
          <cell r="D625" t="str">
            <v>Director6パワーマニュアル 上巻</v>
          </cell>
          <cell r="E625">
            <v>2800</v>
          </cell>
          <cell r="F625" t="str">
            <v>548-0</v>
          </cell>
          <cell r="G625">
            <v>33</v>
          </cell>
          <cell r="J625">
            <v>109420</v>
          </cell>
          <cell r="K625" t="str">
            <v>B</v>
          </cell>
          <cell r="L625">
            <v>0</v>
          </cell>
          <cell r="N625">
            <v>11</v>
          </cell>
          <cell r="O625">
            <v>1</v>
          </cell>
        </row>
        <row r="626">
          <cell r="C626">
            <v>55490</v>
          </cell>
          <cell r="D626" t="str">
            <v>カンタンMicrosoftはがきスタジオ</v>
          </cell>
          <cell r="E626">
            <v>1000</v>
          </cell>
          <cell r="F626" t="str">
            <v>549-7</v>
          </cell>
          <cell r="G626">
            <v>33</v>
          </cell>
          <cell r="J626">
            <v>109430</v>
          </cell>
          <cell r="K626" t="str">
            <v>C</v>
          </cell>
          <cell r="N626">
            <v>11</v>
          </cell>
          <cell r="O626">
            <v>1</v>
          </cell>
        </row>
        <row r="627">
          <cell r="C627">
            <v>55500</v>
          </cell>
          <cell r="D627" t="str">
            <v>ORACLEデータウェアハウジング</v>
          </cell>
          <cell r="E627">
            <v>3800</v>
          </cell>
          <cell r="F627" t="str">
            <v>550-3</v>
          </cell>
          <cell r="G627">
            <v>33</v>
          </cell>
          <cell r="J627">
            <v>109440</v>
          </cell>
          <cell r="K627" t="str">
            <v>C</v>
          </cell>
          <cell r="L627">
            <v>0</v>
          </cell>
          <cell r="N627">
            <v>11</v>
          </cell>
          <cell r="O627">
            <v>1</v>
          </cell>
        </row>
        <row r="628">
          <cell r="C628">
            <v>55510</v>
          </cell>
          <cell r="D628" t="str">
            <v>Macintosh裏ワザ大全</v>
          </cell>
          <cell r="E628">
            <v>2400</v>
          </cell>
          <cell r="F628" t="str">
            <v>551-0</v>
          </cell>
          <cell r="G628">
            <v>33</v>
          </cell>
          <cell r="J628">
            <v>109460</v>
          </cell>
          <cell r="N628">
            <v>11</v>
          </cell>
          <cell r="O628">
            <v>1</v>
          </cell>
        </row>
        <row r="629">
          <cell r="C629">
            <v>55520</v>
          </cell>
          <cell r="D629" t="str">
            <v>Photoshopトラブル脱出テクニック</v>
          </cell>
          <cell r="E629">
            <v>2800</v>
          </cell>
          <cell r="F629" t="str">
            <v>552-7</v>
          </cell>
          <cell r="G629">
            <v>33</v>
          </cell>
          <cell r="J629">
            <v>109470</v>
          </cell>
          <cell r="K629" t="str">
            <v>C</v>
          </cell>
          <cell r="L629">
            <v>0</v>
          </cell>
          <cell r="N629">
            <v>11</v>
          </cell>
          <cell r="O629">
            <v>1</v>
          </cell>
        </row>
        <row r="630">
          <cell r="C630">
            <v>55530</v>
          </cell>
          <cell r="D630" t="str">
            <v>Microsoft SQLServer6.5パーフェクトガイド</v>
          </cell>
          <cell r="E630">
            <v>9500</v>
          </cell>
          <cell r="F630" t="str">
            <v>553-4</v>
          </cell>
          <cell r="G630">
            <v>33</v>
          </cell>
          <cell r="J630">
            <v>109540</v>
          </cell>
          <cell r="K630" t="str">
            <v>B</v>
          </cell>
          <cell r="N630">
            <v>21</v>
          </cell>
          <cell r="O630">
            <v>1</v>
          </cell>
        </row>
        <row r="631">
          <cell r="C631">
            <v>55540</v>
          </cell>
          <cell r="D631" t="str">
            <v>実践Webデザイン論</v>
          </cell>
          <cell r="E631">
            <v>2800</v>
          </cell>
          <cell r="F631" t="str">
            <v>554-1</v>
          </cell>
          <cell r="G631">
            <v>33</v>
          </cell>
          <cell r="J631">
            <v>109550</v>
          </cell>
          <cell r="K631" t="str">
            <v>C</v>
          </cell>
          <cell r="N631">
            <v>11</v>
          </cell>
          <cell r="O631">
            <v>1</v>
          </cell>
        </row>
        <row r="632">
          <cell r="C632">
            <v>55550</v>
          </cell>
          <cell r="D632" t="str">
            <v>アナザーシーズン</v>
          </cell>
          <cell r="E632">
            <v>2000</v>
          </cell>
          <cell r="F632" t="str">
            <v>555-8</v>
          </cell>
          <cell r="G632">
            <v>33</v>
          </cell>
          <cell r="J632">
            <v>109560</v>
          </cell>
          <cell r="K632" t="str">
            <v>C</v>
          </cell>
          <cell r="N632">
            <v>11</v>
          </cell>
          <cell r="O632">
            <v>1</v>
          </cell>
        </row>
        <row r="633">
          <cell r="C633">
            <v>55560</v>
          </cell>
          <cell r="D633" t="str">
            <v>AltaVista完全活用ガイド</v>
          </cell>
          <cell r="E633">
            <v>2800</v>
          </cell>
          <cell r="F633" t="str">
            <v>556-5</v>
          </cell>
          <cell r="G633">
            <v>33</v>
          </cell>
          <cell r="J633">
            <v>109570</v>
          </cell>
          <cell r="K633" t="str">
            <v>C</v>
          </cell>
          <cell r="L633">
            <v>0</v>
          </cell>
          <cell r="N633">
            <v>11</v>
          </cell>
          <cell r="O633">
            <v>1</v>
          </cell>
        </row>
        <row r="634">
          <cell r="C634">
            <v>55570</v>
          </cell>
          <cell r="D634" t="str">
            <v>インターネットホームページデザインHTMLテンプレート100</v>
          </cell>
          <cell r="E634">
            <v>2400</v>
          </cell>
          <cell r="F634" t="str">
            <v>557-2</v>
          </cell>
          <cell r="G634">
            <v>33</v>
          </cell>
          <cell r="J634">
            <v>109580</v>
          </cell>
          <cell r="K634" t="str">
            <v>B</v>
          </cell>
          <cell r="N634">
            <v>11</v>
          </cell>
          <cell r="O634">
            <v>1</v>
          </cell>
        </row>
        <row r="635">
          <cell r="C635">
            <v>55580</v>
          </cell>
          <cell r="D635" t="str">
            <v>要点整理Wordのコツ</v>
          </cell>
          <cell r="E635">
            <v>1800</v>
          </cell>
          <cell r="F635" t="str">
            <v>558-9</v>
          </cell>
          <cell r="G635">
            <v>33</v>
          </cell>
          <cell r="J635">
            <v>109590</v>
          </cell>
          <cell r="K635" t="str">
            <v>B</v>
          </cell>
          <cell r="N635">
            <v>11</v>
          </cell>
          <cell r="O635">
            <v>1</v>
          </cell>
        </row>
        <row r="636">
          <cell r="C636">
            <v>55590</v>
          </cell>
          <cell r="D636" t="str">
            <v>天使の灰の中から</v>
          </cell>
          <cell r="E636">
            <v>3000</v>
          </cell>
          <cell r="F636" t="str">
            <v>559-6</v>
          </cell>
          <cell r="G636">
            <v>33</v>
          </cell>
          <cell r="J636">
            <v>109600</v>
          </cell>
          <cell r="L636">
            <v>0</v>
          </cell>
          <cell r="N636">
            <v>33</v>
          </cell>
          <cell r="O636">
            <v>1</v>
          </cell>
        </row>
        <row r="637">
          <cell r="C637">
            <v>55600</v>
          </cell>
          <cell r="D637" t="str">
            <v>満ち足りて死ぬこと</v>
          </cell>
          <cell r="E637">
            <v>2000</v>
          </cell>
          <cell r="F637" t="str">
            <v>560-2</v>
          </cell>
          <cell r="G637">
            <v>33</v>
          </cell>
          <cell r="J637">
            <v>109610</v>
          </cell>
          <cell r="L637">
            <v>0</v>
          </cell>
          <cell r="N637">
            <v>33</v>
          </cell>
          <cell r="O637">
            <v>1</v>
          </cell>
        </row>
        <row r="638">
          <cell r="C638">
            <v>55610</v>
          </cell>
          <cell r="D638" t="str">
            <v>Javaゲームプログラミング</v>
          </cell>
          <cell r="E638">
            <v>7200</v>
          </cell>
          <cell r="F638" t="str">
            <v>561-9</v>
          </cell>
          <cell r="G638">
            <v>33</v>
          </cell>
          <cell r="J638">
            <v>109620</v>
          </cell>
          <cell r="L638">
            <v>0</v>
          </cell>
          <cell r="N638">
            <v>33</v>
          </cell>
          <cell r="O638">
            <v>1</v>
          </cell>
        </row>
        <row r="639">
          <cell r="C639">
            <v>55620</v>
          </cell>
          <cell r="D639" t="str">
            <v>LightWave3Dの達人</v>
          </cell>
          <cell r="E639">
            <v>3800</v>
          </cell>
          <cell r="F639" t="str">
            <v>562-6</v>
          </cell>
          <cell r="G639">
            <v>11</v>
          </cell>
          <cell r="J639">
            <v>109630</v>
          </cell>
          <cell r="N639">
            <v>11</v>
          </cell>
          <cell r="O639">
            <v>1</v>
          </cell>
        </row>
        <row r="640">
          <cell r="C640">
            <v>55630</v>
          </cell>
          <cell r="D640" t="str">
            <v>はじめる InternetExplorer4.0 for Windows95</v>
          </cell>
          <cell r="E640">
            <v>1600</v>
          </cell>
          <cell r="F640" t="str">
            <v>563-3</v>
          </cell>
          <cell r="G640">
            <v>33</v>
          </cell>
          <cell r="J640">
            <v>109650</v>
          </cell>
          <cell r="K640" t="str">
            <v>C</v>
          </cell>
          <cell r="L640">
            <v>0</v>
          </cell>
          <cell r="M640">
            <v>0</v>
          </cell>
          <cell r="N640">
            <v>11</v>
          </cell>
          <cell r="O640">
            <v>2</v>
          </cell>
        </row>
        <row r="641">
          <cell r="C641">
            <v>55640</v>
          </cell>
          <cell r="D641" t="str">
            <v>HTMLタグ辞典 改訂版</v>
          </cell>
          <cell r="E641">
            <v>1500</v>
          </cell>
          <cell r="F641" t="str">
            <v>564-0</v>
          </cell>
          <cell r="G641">
            <v>33</v>
          </cell>
          <cell r="J641">
            <v>109680</v>
          </cell>
          <cell r="K641" t="str">
            <v>A</v>
          </cell>
          <cell r="L641">
            <v>0</v>
          </cell>
          <cell r="M641">
            <v>0</v>
          </cell>
          <cell r="N641">
            <v>11</v>
          </cell>
          <cell r="O641">
            <v>2</v>
          </cell>
        </row>
        <row r="642">
          <cell r="C642">
            <v>55650</v>
          </cell>
          <cell r="D642" t="str">
            <v>ファイルの達人</v>
          </cell>
          <cell r="E642">
            <v>1600</v>
          </cell>
          <cell r="F642" t="str">
            <v>565-7</v>
          </cell>
          <cell r="G642">
            <v>33</v>
          </cell>
          <cell r="J642">
            <v>109690</v>
          </cell>
          <cell r="K642" t="str">
            <v>A</v>
          </cell>
          <cell r="L642">
            <v>0</v>
          </cell>
          <cell r="N642">
            <v>11</v>
          </cell>
          <cell r="O642">
            <v>2</v>
          </cell>
        </row>
        <row r="643">
          <cell r="C643">
            <v>55660</v>
          </cell>
          <cell r="D643" t="str">
            <v>インサイドインテル 上巻</v>
          </cell>
          <cell r="E643">
            <v>1600</v>
          </cell>
          <cell r="F643" t="str">
            <v>566-4</v>
          </cell>
          <cell r="G643">
            <v>33</v>
          </cell>
          <cell r="J643">
            <v>109700</v>
          </cell>
          <cell r="K643" t="str">
            <v>B</v>
          </cell>
          <cell r="L643" t="str">
            <v>B</v>
          </cell>
          <cell r="N643">
            <v>11</v>
          </cell>
          <cell r="O643">
            <v>2</v>
          </cell>
        </row>
        <row r="644">
          <cell r="C644">
            <v>55670</v>
          </cell>
          <cell r="D644" t="str">
            <v>インサイドインテル 下巻</v>
          </cell>
          <cell r="E644">
            <v>1600</v>
          </cell>
          <cell r="F644" t="str">
            <v>567-1</v>
          </cell>
          <cell r="G644">
            <v>33</v>
          </cell>
          <cell r="J644">
            <v>109710</v>
          </cell>
          <cell r="K644" t="str">
            <v>B</v>
          </cell>
          <cell r="L644" t="str">
            <v>B</v>
          </cell>
          <cell r="M644" t="str">
            <v>●</v>
          </cell>
          <cell r="N644">
            <v>11</v>
          </cell>
          <cell r="O644">
            <v>2</v>
          </cell>
        </row>
        <row r="645">
          <cell r="C645">
            <v>55680</v>
          </cell>
          <cell r="D645" t="str">
            <v>Visual Basic5.0パーフェクトガイド</v>
          </cell>
          <cell r="E645">
            <v>8000</v>
          </cell>
          <cell r="F645" t="str">
            <v>568-8</v>
          </cell>
          <cell r="G645">
            <v>33</v>
          </cell>
          <cell r="J645">
            <v>109730</v>
          </cell>
          <cell r="K645" t="str">
            <v>A</v>
          </cell>
          <cell r="N645">
            <v>11</v>
          </cell>
          <cell r="O645">
            <v>1</v>
          </cell>
        </row>
        <row r="646">
          <cell r="C646">
            <v>55690</v>
          </cell>
          <cell r="D646" t="str">
            <v>Oracle8 ビギナーズガイド</v>
          </cell>
          <cell r="E646">
            <v>5000</v>
          </cell>
          <cell r="F646" t="str">
            <v>569-5</v>
          </cell>
          <cell r="G646">
            <v>33</v>
          </cell>
          <cell r="J646">
            <v>109740</v>
          </cell>
          <cell r="K646" t="str">
            <v>A</v>
          </cell>
          <cell r="L646" t="str">
            <v>A</v>
          </cell>
          <cell r="N646">
            <v>11</v>
          </cell>
          <cell r="O646">
            <v>1</v>
          </cell>
        </row>
        <row r="647">
          <cell r="C647">
            <v>55700</v>
          </cell>
          <cell r="D647" t="str">
            <v>Visual C++5.0によるActiveXコンポーネント開発</v>
          </cell>
          <cell r="E647">
            <v>6000</v>
          </cell>
          <cell r="F647" t="str">
            <v>570-1</v>
          </cell>
          <cell r="G647">
            <v>33</v>
          </cell>
          <cell r="J647">
            <v>109790</v>
          </cell>
          <cell r="K647" t="str">
            <v>B</v>
          </cell>
          <cell r="N647">
            <v>11</v>
          </cell>
          <cell r="O647">
            <v>2</v>
          </cell>
        </row>
        <row r="648">
          <cell r="C648">
            <v>55710</v>
          </cell>
          <cell r="D648" t="str">
            <v>Illustrtor7.0Jビギナーズブック for Windows95</v>
          </cell>
          <cell r="E648">
            <v>3200</v>
          </cell>
          <cell r="F648" t="str">
            <v>571-8</v>
          </cell>
          <cell r="G648">
            <v>33</v>
          </cell>
          <cell r="J648">
            <v>109800</v>
          </cell>
          <cell r="K648" t="str">
            <v>B</v>
          </cell>
          <cell r="N648">
            <v>11</v>
          </cell>
          <cell r="O648">
            <v>2</v>
          </cell>
        </row>
        <row r="649">
          <cell r="C649">
            <v>55720</v>
          </cell>
          <cell r="D649" t="str">
            <v>Windows NT&amp;UNIXインテグレーションガイド</v>
          </cell>
          <cell r="E649">
            <v>4200</v>
          </cell>
          <cell r="F649" t="str">
            <v>572-5</v>
          </cell>
          <cell r="G649">
            <v>33</v>
          </cell>
          <cell r="J649">
            <v>109810</v>
          </cell>
          <cell r="K649" t="str">
            <v>B</v>
          </cell>
          <cell r="L649" t="str">
            <v>A</v>
          </cell>
          <cell r="N649">
            <v>11</v>
          </cell>
          <cell r="O649">
            <v>1</v>
          </cell>
        </row>
        <row r="650">
          <cell r="C650">
            <v>55730</v>
          </cell>
          <cell r="D650" t="str">
            <v>らくらくCGIキット</v>
          </cell>
          <cell r="E650">
            <v>2400</v>
          </cell>
          <cell r="F650" t="str">
            <v>573-2</v>
          </cell>
          <cell r="G650">
            <v>33</v>
          </cell>
          <cell r="J650">
            <v>109830</v>
          </cell>
          <cell r="K650" t="str">
            <v>C</v>
          </cell>
          <cell r="N650">
            <v>11</v>
          </cell>
          <cell r="O650">
            <v>1</v>
          </cell>
        </row>
        <row r="651">
          <cell r="C651">
            <v>55750</v>
          </cell>
          <cell r="D651" t="str">
            <v>実践Webマーケティング論</v>
          </cell>
          <cell r="E651">
            <v>3200</v>
          </cell>
          <cell r="F651" t="str">
            <v>575-6</v>
          </cell>
          <cell r="G651">
            <v>33</v>
          </cell>
          <cell r="J651">
            <v>109840</v>
          </cell>
          <cell r="K651" t="str">
            <v>A</v>
          </cell>
          <cell r="L651">
            <v>0</v>
          </cell>
          <cell r="N651">
            <v>11</v>
          </cell>
          <cell r="O651">
            <v>1</v>
          </cell>
        </row>
        <row r="652">
          <cell r="C652">
            <v>55760</v>
          </cell>
          <cell r="D652" t="str">
            <v>Director6.0J&amp;Lingo公式トレーニングマニュアル</v>
          </cell>
          <cell r="E652">
            <v>7800</v>
          </cell>
          <cell r="F652" t="str">
            <v>576-3</v>
          </cell>
          <cell r="G652">
            <v>33</v>
          </cell>
          <cell r="J652">
            <v>109850</v>
          </cell>
          <cell r="L652">
            <v>0</v>
          </cell>
          <cell r="N652">
            <v>11</v>
          </cell>
          <cell r="O652">
            <v>1</v>
          </cell>
        </row>
        <row r="653">
          <cell r="C653">
            <v>55770</v>
          </cell>
          <cell r="D653" t="str">
            <v>今夜わかる Mac OS8</v>
          </cell>
          <cell r="E653">
            <v>2200</v>
          </cell>
          <cell r="F653" t="str">
            <v>577-0</v>
          </cell>
          <cell r="G653">
            <v>33</v>
          </cell>
          <cell r="J653">
            <v>109860</v>
          </cell>
          <cell r="N653">
            <v>11</v>
          </cell>
          <cell r="O653">
            <v>1</v>
          </cell>
        </row>
        <row r="654">
          <cell r="C654">
            <v>55780</v>
          </cell>
          <cell r="D654" t="str">
            <v>一週間で楽しくおぼえるVisualAge for Java</v>
          </cell>
          <cell r="E654">
            <v>2900</v>
          </cell>
          <cell r="F654" t="str">
            <v>578-7</v>
          </cell>
          <cell r="G654">
            <v>33</v>
          </cell>
          <cell r="J654">
            <v>109880</v>
          </cell>
          <cell r="K654" t="str">
            <v>B</v>
          </cell>
          <cell r="N654">
            <v>11</v>
          </cell>
          <cell r="O654">
            <v>1</v>
          </cell>
        </row>
        <row r="655">
          <cell r="C655">
            <v>55790</v>
          </cell>
          <cell r="D655" t="str">
            <v>マツボックリが笑う日</v>
          </cell>
          <cell r="E655">
            <v>1500</v>
          </cell>
          <cell r="F655" t="str">
            <v>579-4</v>
          </cell>
          <cell r="G655">
            <v>33</v>
          </cell>
          <cell r="J655">
            <v>109910</v>
          </cell>
          <cell r="K655" t="str">
            <v>A</v>
          </cell>
          <cell r="N655">
            <v>11</v>
          </cell>
          <cell r="O655">
            <v>1</v>
          </cell>
        </row>
        <row r="656">
          <cell r="C656">
            <v>55800</v>
          </cell>
          <cell r="D656" t="str">
            <v>10日でおぼえる Excel97VBA入門教室</v>
          </cell>
          <cell r="E656">
            <v>2800</v>
          </cell>
          <cell r="F656" t="str">
            <v>580-0</v>
          </cell>
          <cell r="G656">
            <v>33</v>
          </cell>
          <cell r="J656">
            <v>109920</v>
          </cell>
          <cell r="K656" t="str">
            <v>C</v>
          </cell>
          <cell r="N656">
            <v>11</v>
          </cell>
          <cell r="O656">
            <v>1</v>
          </cell>
        </row>
        <row r="657">
          <cell r="C657">
            <v>55810</v>
          </cell>
          <cell r="D657" t="str">
            <v>RIVENシークレットブック</v>
          </cell>
          <cell r="E657">
            <v>1500</v>
          </cell>
          <cell r="F657" t="str">
            <v>581-7</v>
          </cell>
          <cell r="G657">
            <v>11</v>
          </cell>
          <cell r="J657">
            <v>109940</v>
          </cell>
          <cell r="K657" t="str">
            <v>A</v>
          </cell>
          <cell r="N657">
            <v>11</v>
          </cell>
          <cell r="O657">
            <v>1</v>
          </cell>
        </row>
        <row r="658">
          <cell r="C658">
            <v>55820</v>
          </cell>
          <cell r="D658" t="str">
            <v>神の消失</v>
          </cell>
          <cell r="E658">
            <v>3000</v>
          </cell>
          <cell r="F658" t="str">
            <v>582-4</v>
          </cell>
          <cell r="G658">
            <v>33</v>
          </cell>
          <cell r="J658">
            <v>109960</v>
          </cell>
          <cell r="K658" t="str">
            <v>A</v>
          </cell>
          <cell r="L658">
            <v>0</v>
          </cell>
          <cell r="N658">
            <v>11</v>
          </cell>
          <cell r="O658">
            <v>3</v>
          </cell>
        </row>
        <row r="659">
          <cell r="C659">
            <v>55830</v>
          </cell>
          <cell r="D659" t="str">
            <v>精霊の呼び声</v>
          </cell>
          <cell r="E659">
            <v>2300</v>
          </cell>
          <cell r="F659" t="str">
            <v>583-1</v>
          </cell>
          <cell r="G659">
            <v>33</v>
          </cell>
          <cell r="J659">
            <v>109970</v>
          </cell>
          <cell r="K659" t="str">
            <v>B</v>
          </cell>
          <cell r="N659">
            <v>11</v>
          </cell>
          <cell r="O659">
            <v>2</v>
          </cell>
        </row>
        <row r="660">
          <cell r="C660">
            <v>55840</v>
          </cell>
          <cell r="D660" t="str">
            <v>プログラミング「基本」の本</v>
          </cell>
          <cell r="E660">
            <v>2800</v>
          </cell>
          <cell r="F660" t="str">
            <v>584-8</v>
          </cell>
          <cell r="G660">
            <v>33</v>
          </cell>
          <cell r="J660">
            <v>109980</v>
          </cell>
          <cell r="K660" t="str">
            <v>A</v>
          </cell>
          <cell r="N660">
            <v>11</v>
          </cell>
          <cell r="O660">
            <v>1</v>
          </cell>
        </row>
        <row r="661">
          <cell r="C661">
            <v>55850</v>
          </cell>
          <cell r="D661" t="str">
            <v>ASPデベロッパーズガイド</v>
          </cell>
          <cell r="E661">
            <v>3800</v>
          </cell>
          <cell r="F661" t="str">
            <v>585-5</v>
          </cell>
          <cell r="G661">
            <v>33</v>
          </cell>
          <cell r="J661">
            <v>109990</v>
          </cell>
          <cell r="K661" t="str">
            <v>A</v>
          </cell>
          <cell r="N661">
            <v>11</v>
          </cell>
          <cell r="O661">
            <v>1</v>
          </cell>
        </row>
        <row r="662">
          <cell r="C662">
            <v>55860</v>
          </cell>
          <cell r="D662" t="str">
            <v>Macintoshトラブル解決全書</v>
          </cell>
          <cell r="E662">
            <v>6800</v>
          </cell>
          <cell r="F662" t="str">
            <v>586-2</v>
          </cell>
          <cell r="G662">
            <v>33</v>
          </cell>
          <cell r="J662">
            <v>110000</v>
          </cell>
          <cell r="K662" t="str">
            <v>B</v>
          </cell>
          <cell r="N662">
            <v>11</v>
          </cell>
          <cell r="O662">
            <v>1</v>
          </cell>
        </row>
        <row r="663">
          <cell r="C663">
            <v>55870</v>
          </cell>
          <cell r="D663" t="str">
            <v>VisualBasicWindowsプログラミング</v>
          </cell>
          <cell r="E663">
            <v>3800</v>
          </cell>
          <cell r="F663" t="str">
            <v>587-9</v>
          </cell>
          <cell r="G663">
            <v>33</v>
          </cell>
          <cell r="J663">
            <v>110010</v>
          </cell>
          <cell r="K663" t="str">
            <v>A</v>
          </cell>
          <cell r="N663">
            <v>11</v>
          </cell>
          <cell r="O663">
            <v>2</v>
          </cell>
        </row>
        <row r="664">
          <cell r="C664">
            <v>55880</v>
          </cell>
          <cell r="D664" t="str">
            <v>Oracle8 アーキテクチャ</v>
          </cell>
          <cell r="E664">
            <v>3200</v>
          </cell>
          <cell r="F664" t="str">
            <v>588-6</v>
          </cell>
          <cell r="G664">
            <v>33</v>
          </cell>
          <cell r="J664">
            <v>110030</v>
          </cell>
          <cell r="K664" t="str">
            <v>C</v>
          </cell>
          <cell r="L664">
            <v>0</v>
          </cell>
          <cell r="N664">
            <v>11</v>
          </cell>
          <cell r="O664">
            <v>1</v>
          </cell>
        </row>
        <row r="665">
          <cell r="C665">
            <v>55890</v>
          </cell>
          <cell r="D665" t="str">
            <v>今夜わかる PhotoDeluxe2.0J for Windows95</v>
          </cell>
          <cell r="E665">
            <v>2200</v>
          </cell>
          <cell r="F665" t="str">
            <v>589-3</v>
          </cell>
          <cell r="G665">
            <v>33</v>
          </cell>
          <cell r="J665">
            <v>110040</v>
          </cell>
          <cell r="K665" t="str">
            <v>B</v>
          </cell>
          <cell r="N665">
            <v>11</v>
          </cell>
          <cell r="O665">
            <v>1</v>
          </cell>
        </row>
        <row r="666">
          <cell r="C666">
            <v>55900</v>
          </cell>
          <cell r="D666" t="str">
            <v>水の記憶</v>
          </cell>
          <cell r="E666">
            <v>1800</v>
          </cell>
          <cell r="F666" t="str">
            <v>590-9</v>
          </cell>
          <cell r="G666">
            <v>33</v>
          </cell>
          <cell r="J666">
            <v>110050</v>
          </cell>
          <cell r="K666" t="str">
            <v>B</v>
          </cell>
          <cell r="N666">
            <v>11</v>
          </cell>
          <cell r="O666">
            <v>1</v>
          </cell>
        </row>
        <row r="667">
          <cell r="C667">
            <v>55910</v>
          </cell>
          <cell r="D667" t="str">
            <v>死海文書は誰が書いたのか</v>
          </cell>
          <cell r="E667">
            <v>3800</v>
          </cell>
          <cell r="F667" t="str">
            <v>591-6</v>
          </cell>
          <cell r="G667">
            <v>33</v>
          </cell>
          <cell r="J667">
            <v>110070</v>
          </cell>
          <cell r="K667" t="str">
            <v>C</v>
          </cell>
          <cell r="L667">
            <v>0</v>
          </cell>
          <cell r="N667">
            <v>11</v>
          </cell>
          <cell r="O667">
            <v>1</v>
          </cell>
        </row>
        <row r="668">
          <cell r="C668">
            <v>55920</v>
          </cell>
          <cell r="D668" t="str">
            <v>CIA「超心理」諜報計画スターゲイト</v>
          </cell>
          <cell r="E668">
            <v>2300</v>
          </cell>
          <cell r="F668" t="str">
            <v>592-3</v>
          </cell>
          <cell r="G668">
            <v>33</v>
          </cell>
          <cell r="J668">
            <v>110080</v>
          </cell>
          <cell r="K668" t="str">
            <v>C</v>
          </cell>
          <cell r="N668">
            <v>11</v>
          </cell>
          <cell r="O668">
            <v>2</v>
          </cell>
        </row>
        <row r="669">
          <cell r="C669">
            <v>55930</v>
          </cell>
          <cell r="D669" t="str">
            <v>自分の人生がある場所</v>
          </cell>
          <cell r="E669">
            <v>1700</v>
          </cell>
          <cell r="F669" t="str">
            <v>593-0</v>
          </cell>
          <cell r="G669">
            <v>33</v>
          </cell>
          <cell r="J669">
            <v>110090</v>
          </cell>
          <cell r="K669" t="str">
            <v>B</v>
          </cell>
          <cell r="L669">
            <v>0</v>
          </cell>
          <cell r="N669">
            <v>11</v>
          </cell>
          <cell r="O669">
            <v>2</v>
          </cell>
        </row>
        <row r="670">
          <cell r="C670">
            <v>55940</v>
          </cell>
          <cell r="D670" t="str">
            <v>暴走する帝国</v>
          </cell>
          <cell r="E670">
            <v>1800</v>
          </cell>
          <cell r="F670" t="str">
            <v>594-7</v>
          </cell>
          <cell r="G670">
            <v>33</v>
          </cell>
          <cell r="J670">
            <v>110100</v>
          </cell>
          <cell r="K670" t="str">
            <v>B</v>
          </cell>
          <cell r="N670">
            <v>33</v>
          </cell>
          <cell r="O670">
            <v>0</v>
          </cell>
        </row>
        <row r="671">
          <cell r="C671">
            <v>55950</v>
          </cell>
          <cell r="D671" t="str">
            <v>Java Workshop2.0プログラミング</v>
          </cell>
          <cell r="E671">
            <v>2900</v>
          </cell>
          <cell r="F671" t="str">
            <v>595-4</v>
          </cell>
          <cell r="G671">
            <v>33</v>
          </cell>
          <cell r="J671">
            <v>110110</v>
          </cell>
          <cell r="K671" t="str">
            <v>B</v>
          </cell>
          <cell r="N671">
            <v>33</v>
          </cell>
          <cell r="O671">
            <v>0</v>
          </cell>
        </row>
        <row r="672">
          <cell r="C672">
            <v>55960</v>
          </cell>
          <cell r="D672" t="str">
            <v>太陽に灼かれて</v>
          </cell>
          <cell r="E672">
            <v>2200</v>
          </cell>
          <cell r="F672" t="str">
            <v>596-1</v>
          </cell>
          <cell r="G672">
            <v>33</v>
          </cell>
          <cell r="J672">
            <v>110120</v>
          </cell>
          <cell r="K672" t="str">
            <v>B</v>
          </cell>
          <cell r="N672">
            <v>11</v>
          </cell>
          <cell r="O672">
            <v>1</v>
          </cell>
        </row>
        <row r="673">
          <cell r="C673">
            <v>55970</v>
          </cell>
          <cell r="D673" t="str">
            <v>FreeBSDインターネットサーバ導入計画</v>
          </cell>
          <cell r="E673">
            <v>2800</v>
          </cell>
          <cell r="F673" t="str">
            <v>597-8</v>
          </cell>
          <cell r="G673">
            <v>33</v>
          </cell>
          <cell r="J673">
            <v>110150</v>
          </cell>
          <cell r="K673" t="str">
            <v>B</v>
          </cell>
          <cell r="M673">
            <v>0</v>
          </cell>
          <cell r="N673">
            <v>11</v>
          </cell>
          <cell r="O673">
            <v>2</v>
          </cell>
        </row>
        <row r="674">
          <cell r="C674">
            <v>55980</v>
          </cell>
          <cell r="D674" t="str">
            <v>AutoCad14パーフェクトガイド</v>
          </cell>
          <cell r="E674">
            <v>9500</v>
          </cell>
          <cell r="F674" t="str">
            <v>598-5</v>
          </cell>
          <cell r="G674">
            <v>33</v>
          </cell>
          <cell r="J674">
            <v>110160</v>
          </cell>
          <cell r="K674" t="str">
            <v>C</v>
          </cell>
          <cell r="N674">
            <v>11</v>
          </cell>
          <cell r="O674">
            <v>2</v>
          </cell>
        </row>
        <row r="675">
          <cell r="C675">
            <v>55990</v>
          </cell>
          <cell r="D675" t="str">
            <v>DynamicHTMLがやってきた</v>
          </cell>
          <cell r="E675">
            <v>2200</v>
          </cell>
          <cell r="F675" t="str">
            <v>599-2</v>
          </cell>
          <cell r="G675">
            <v>33</v>
          </cell>
          <cell r="J675">
            <v>110170</v>
          </cell>
          <cell r="K675" t="str">
            <v>B</v>
          </cell>
          <cell r="N675">
            <v>11</v>
          </cell>
          <cell r="O675">
            <v>1</v>
          </cell>
        </row>
        <row r="676">
          <cell r="C676">
            <v>56000</v>
          </cell>
          <cell r="D676" t="str">
            <v>3層C/Sコンピューテングケーススタディ</v>
          </cell>
          <cell r="E676">
            <v>3200</v>
          </cell>
          <cell r="F676" t="str">
            <v>600-5</v>
          </cell>
          <cell r="G676">
            <v>33</v>
          </cell>
          <cell r="J676">
            <v>110190</v>
          </cell>
          <cell r="K676" t="str">
            <v>B</v>
          </cell>
          <cell r="N676">
            <v>11</v>
          </cell>
          <cell r="O676">
            <v>1</v>
          </cell>
        </row>
        <row r="677">
          <cell r="C677">
            <v>56010</v>
          </cell>
          <cell r="D677" t="str">
            <v>Visual InterDevスタートアップ＆リファレンス</v>
          </cell>
          <cell r="E677">
            <v>3200</v>
          </cell>
          <cell r="F677" t="str">
            <v>601-2</v>
          </cell>
          <cell r="G677">
            <v>33</v>
          </cell>
          <cell r="J677">
            <v>110200</v>
          </cell>
          <cell r="K677" t="str">
            <v>C</v>
          </cell>
          <cell r="N677">
            <v>11</v>
          </cell>
          <cell r="O677">
            <v>1</v>
          </cell>
        </row>
        <row r="678">
          <cell r="C678">
            <v>56020</v>
          </cell>
          <cell r="D678" t="str">
            <v>今夜わかる PhotoDeluxe2.0J for Macintosh</v>
          </cell>
          <cell r="E678">
            <v>2200</v>
          </cell>
          <cell r="F678" t="str">
            <v>602-9</v>
          </cell>
          <cell r="G678">
            <v>33</v>
          </cell>
          <cell r="J678">
            <v>110210</v>
          </cell>
          <cell r="K678" t="str">
            <v>B</v>
          </cell>
          <cell r="N678">
            <v>11</v>
          </cell>
          <cell r="O678">
            <v>2</v>
          </cell>
        </row>
        <row r="679">
          <cell r="C679">
            <v>56030</v>
          </cell>
          <cell r="D679" t="str">
            <v>DCOMデプロイメントガイド</v>
          </cell>
          <cell r="E679">
            <v>3800</v>
          </cell>
          <cell r="F679" t="str">
            <v>603-6</v>
          </cell>
          <cell r="G679">
            <v>33</v>
          </cell>
          <cell r="J679">
            <v>110220</v>
          </cell>
          <cell r="K679" t="str">
            <v>A</v>
          </cell>
          <cell r="N679">
            <v>33</v>
          </cell>
          <cell r="O679">
            <v>0</v>
          </cell>
        </row>
        <row r="680">
          <cell r="C680">
            <v>56040</v>
          </cell>
          <cell r="D680" t="str">
            <v>WindowsNTセキュリティハンドブック</v>
          </cell>
          <cell r="E680">
            <v>6200</v>
          </cell>
          <cell r="F680" t="str">
            <v>604-3</v>
          </cell>
          <cell r="G680">
            <v>33</v>
          </cell>
          <cell r="J680">
            <v>110240</v>
          </cell>
          <cell r="K680" t="str">
            <v>B</v>
          </cell>
          <cell r="N680">
            <v>33</v>
          </cell>
          <cell r="O680">
            <v>0</v>
          </cell>
        </row>
        <row r="681">
          <cell r="C681">
            <v>56050</v>
          </cell>
          <cell r="D681" t="str">
            <v>Director6パワーマニュアル 下巻</v>
          </cell>
          <cell r="E681">
            <v>3400</v>
          </cell>
          <cell r="F681" t="str">
            <v>605-0</v>
          </cell>
          <cell r="G681">
            <v>33</v>
          </cell>
          <cell r="J681">
            <v>110250</v>
          </cell>
          <cell r="K681" t="str">
            <v>C</v>
          </cell>
          <cell r="N681">
            <v>11</v>
          </cell>
          <cell r="O681">
            <v>1</v>
          </cell>
        </row>
        <row r="682">
          <cell r="C682">
            <v>56060</v>
          </cell>
          <cell r="D682" t="str">
            <v>現代物理の奇妙な旅</v>
          </cell>
          <cell r="E682">
            <v>2000</v>
          </cell>
          <cell r="F682" t="str">
            <v>606-7</v>
          </cell>
          <cell r="G682">
            <v>33</v>
          </cell>
          <cell r="J682">
            <v>110260</v>
          </cell>
          <cell r="K682" t="str">
            <v>A</v>
          </cell>
          <cell r="N682">
            <v>33</v>
          </cell>
          <cell r="O682">
            <v>0</v>
          </cell>
        </row>
        <row r="683">
          <cell r="C683">
            <v>56070</v>
          </cell>
          <cell r="D683" t="str">
            <v>一万年の旅路</v>
          </cell>
          <cell r="E683">
            <v>2500</v>
          </cell>
          <cell r="F683" t="str">
            <v>607-4</v>
          </cell>
          <cell r="G683">
            <v>11</v>
          </cell>
          <cell r="J683">
            <v>110280</v>
          </cell>
          <cell r="K683" t="str">
            <v>A</v>
          </cell>
          <cell r="L683" t="str">
            <v>C</v>
          </cell>
          <cell r="M683" t="str">
            <v>●</v>
          </cell>
          <cell r="N683">
            <v>11</v>
          </cell>
          <cell r="O683">
            <v>2</v>
          </cell>
        </row>
        <row r="684">
          <cell r="C684">
            <v>56080</v>
          </cell>
          <cell r="D684" t="str">
            <v>複製されるヒト</v>
          </cell>
          <cell r="E684">
            <v>1800</v>
          </cell>
          <cell r="F684" t="str">
            <v>608-1</v>
          </cell>
          <cell r="G684">
            <v>33</v>
          </cell>
          <cell r="J684">
            <v>110290</v>
          </cell>
          <cell r="K684" t="str">
            <v>C</v>
          </cell>
          <cell r="M684">
            <v>0</v>
          </cell>
          <cell r="N684">
            <v>11</v>
          </cell>
          <cell r="O684">
            <v>2</v>
          </cell>
        </row>
        <row r="685">
          <cell r="C685">
            <v>56090</v>
          </cell>
          <cell r="D685" t="str">
            <v>FreeHand8Jテクニックマスター</v>
          </cell>
          <cell r="E685">
            <v>3600</v>
          </cell>
          <cell r="F685" t="str">
            <v>609-8</v>
          </cell>
          <cell r="G685">
            <v>33</v>
          </cell>
          <cell r="J685">
            <v>110300</v>
          </cell>
          <cell r="N685">
            <v>11</v>
          </cell>
          <cell r="O685">
            <v>2</v>
          </cell>
        </row>
        <row r="686">
          <cell r="C686">
            <v>56100</v>
          </cell>
          <cell r="D686" t="str">
            <v>チンパンジーが話せたら</v>
          </cell>
          <cell r="E686">
            <v>2000</v>
          </cell>
          <cell r="F686" t="str">
            <v>610-4</v>
          </cell>
          <cell r="G686">
            <v>33</v>
          </cell>
          <cell r="J686">
            <v>110310</v>
          </cell>
          <cell r="K686" t="str">
            <v>B</v>
          </cell>
          <cell r="N686">
            <v>11</v>
          </cell>
          <cell r="O686">
            <v>1</v>
          </cell>
        </row>
        <row r="687">
          <cell r="C687">
            <v>56110</v>
          </cell>
          <cell r="D687" t="str">
            <v>Illustratorスーパーアートワークス</v>
          </cell>
          <cell r="E687">
            <v>4800</v>
          </cell>
          <cell r="F687" t="str">
            <v>611-1</v>
          </cell>
          <cell r="G687">
            <v>33</v>
          </cell>
          <cell r="J687">
            <v>110320</v>
          </cell>
          <cell r="K687" t="str">
            <v>A</v>
          </cell>
          <cell r="N687">
            <v>11</v>
          </cell>
          <cell r="O687">
            <v>1</v>
          </cell>
        </row>
        <row r="688">
          <cell r="C688">
            <v>56120</v>
          </cell>
          <cell r="D688" t="str">
            <v>Internet Explorer4.0快適カスタマイズ入門</v>
          </cell>
          <cell r="E688">
            <v>1800</v>
          </cell>
          <cell r="F688" t="str">
            <v>612-8</v>
          </cell>
          <cell r="G688">
            <v>33</v>
          </cell>
          <cell r="J688">
            <v>110330</v>
          </cell>
          <cell r="K688" t="str">
            <v>B</v>
          </cell>
          <cell r="N688">
            <v>11</v>
          </cell>
          <cell r="O688">
            <v>1</v>
          </cell>
        </row>
        <row r="689">
          <cell r="C689">
            <v>56130</v>
          </cell>
          <cell r="D689" t="str">
            <v>Oracle8 DBAハンドブック</v>
          </cell>
          <cell r="E689">
            <v>6800</v>
          </cell>
          <cell r="F689" t="str">
            <v>613-5</v>
          </cell>
          <cell r="G689">
            <v>33</v>
          </cell>
          <cell r="J689">
            <v>110340</v>
          </cell>
          <cell r="K689" t="str">
            <v>B</v>
          </cell>
          <cell r="L689">
            <v>0</v>
          </cell>
          <cell r="N689">
            <v>11</v>
          </cell>
          <cell r="O689">
            <v>1</v>
          </cell>
        </row>
        <row r="690">
          <cell r="C690">
            <v>56140</v>
          </cell>
          <cell r="D690" t="str">
            <v>Oracle Developer/2000ハンドブック</v>
          </cell>
          <cell r="E690">
            <v>6200</v>
          </cell>
          <cell r="F690" t="str">
            <v>614-2</v>
          </cell>
          <cell r="G690">
            <v>33</v>
          </cell>
          <cell r="J690">
            <v>110350</v>
          </cell>
          <cell r="K690" t="str">
            <v>C</v>
          </cell>
          <cell r="N690">
            <v>11</v>
          </cell>
          <cell r="O690">
            <v>1</v>
          </cell>
        </row>
        <row r="691">
          <cell r="C691">
            <v>56150</v>
          </cell>
          <cell r="D691" t="str">
            <v>IIS4.0パーフェクトガイド</v>
          </cell>
          <cell r="E691">
            <v>7200</v>
          </cell>
          <cell r="F691" t="str">
            <v>615-9</v>
          </cell>
          <cell r="G691">
            <v>33</v>
          </cell>
          <cell r="J691">
            <v>110360</v>
          </cell>
          <cell r="K691" t="str">
            <v>B</v>
          </cell>
          <cell r="L691">
            <v>0</v>
          </cell>
          <cell r="N691">
            <v>11</v>
          </cell>
          <cell r="O691">
            <v>1</v>
          </cell>
        </row>
        <row r="692">
          <cell r="C692">
            <v>56170</v>
          </cell>
          <cell r="D692" t="str">
            <v>10日でおぼえる VisualBasic5.0実験教室</v>
          </cell>
          <cell r="E692">
            <v>3200</v>
          </cell>
          <cell r="F692" t="str">
            <v>617-3</v>
          </cell>
          <cell r="G692">
            <v>33</v>
          </cell>
          <cell r="J692">
            <v>110370</v>
          </cell>
          <cell r="K692" t="str">
            <v>C</v>
          </cell>
          <cell r="N692">
            <v>33</v>
          </cell>
          <cell r="O692">
            <v>0</v>
          </cell>
        </row>
        <row r="693">
          <cell r="C693">
            <v>56180</v>
          </cell>
          <cell r="D693" t="str">
            <v>NetBSD/mac68k徹底入門Macユーザーに捧げる悪魔の書</v>
          </cell>
          <cell r="E693">
            <v>2800</v>
          </cell>
          <cell r="F693" t="str">
            <v>618-0</v>
          </cell>
          <cell r="G693">
            <v>33</v>
          </cell>
          <cell r="J693">
            <v>110380</v>
          </cell>
          <cell r="K693" t="str">
            <v>C</v>
          </cell>
          <cell r="N693">
            <v>33</v>
          </cell>
          <cell r="O693">
            <v>0</v>
          </cell>
        </row>
        <row r="694">
          <cell r="C694">
            <v>56190</v>
          </cell>
          <cell r="D694" t="str">
            <v>憂鬱なプログラマのためのオブジェクト指向開発講座</v>
          </cell>
          <cell r="E694">
            <v>3200</v>
          </cell>
          <cell r="F694" t="str">
            <v>619-7</v>
          </cell>
          <cell r="G694">
            <v>11</v>
          </cell>
          <cell r="J694">
            <v>110390</v>
          </cell>
          <cell r="K694" t="str">
            <v>C</v>
          </cell>
          <cell r="N694">
            <v>11</v>
          </cell>
          <cell r="O694">
            <v>1</v>
          </cell>
        </row>
        <row r="695">
          <cell r="C695">
            <v>56200</v>
          </cell>
          <cell r="D695" t="str">
            <v>CプログラマのためのC++エッセンシャル</v>
          </cell>
          <cell r="E695">
            <v>3800</v>
          </cell>
          <cell r="F695" t="str">
            <v>620-3</v>
          </cell>
          <cell r="G695">
            <v>33</v>
          </cell>
          <cell r="J695">
            <v>110400</v>
          </cell>
          <cell r="K695" t="str">
            <v>C</v>
          </cell>
          <cell r="L695">
            <v>0</v>
          </cell>
          <cell r="N695">
            <v>11</v>
          </cell>
          <cell r="O695">
            <v>1</v>
          </cell>
        </row>
        <row r="696">
          <cell r="C696">
            <v>56210</v>
          </cell>
          <cell r="D696" t="str">
            <v>VisualBasicプログラマのためのWin95APIレスキュー・ハンドブック</v>
          </cell>
          <cell r="E696">
            <v>3200</v>
          </cell>
          <cell r="F696" t="str">
            <v>621-0</v>
          </cell>
          <cell r="G696">
            <v>33</v>
          </cell>
          <cell r="J696">
            <v>110410</v>
          </cell>
          <cell r="K696" t="str">
            <v>B</v>
          </cell>
          <cell r="N696">
            <v>11</v>
          </cell>
          <cell r="O696">
            <v>1</v>
          </cell>
        </row>
        <row r="697">
          <cell r="C697">
            <v>56220</v>
          </cell>
          <cell r="D697" t="str">
            <v>天の鏡</v>
          </cell>
          <cell r="E697">
            <v>3800</v>
          </cell>
          <cell r="F697" t="str">
            <v>622-7</v>
          </cell>
          <cell r="G697">
            <v>33</v>
          </cell>
          <cell r="J697">
            <v>110430</v>
          </cell>
          <cell r="K697" t="str">
            <v>B</v>
          </cell>
          <cell r="N697">
            <v>11</v>
          </cell>
          <cell r="O697">
            <v>2</v>
          </cell>
        </row>
        <row r="698">
          <cell r="C698">
            <v>56230</v>
          </cell>
          <cell r="D698" t="str">
            <v>WindowsNT アドバンストプログラミング</v>
          </cell>
          <cell r="E698">
            <v>8000</v>
          </cell>
          <cell r="F698" t="str">
            <v>623-4</v>
          </cell>
          <cell r="G698">
            <v>33</v>
          </cell>
          <cell r="J698">
            <v>110450</v>
          </cell>
          <cell r="K698" t="str">
            <v>C</v>
          </cell>
          <cell r="N698">
            <v>11</v>
          </cell>
          <cell r="O698">
            <v>1</v>
          </cell>
        </row>
        <row r="699">
          <cell r="C699">
            <v>56240</v>
          </cell>
          <cell r="D699" t="str">
            <v>Painterスーパーアートワークス</v>
          </cell>
          <cell r="E699">
            <v>3800</v>
          </cell>
          <cell r="F699" t="str">
            <v>624-1</v>
          </cell>
          <cell r="G699">
            <v>33</v>
          </cell>
          <cell r="J699">
            <v>110460</v>
          </cell>
          <cell r="K699" t="str">
            <v>C</v>
          </cell>
          <cell r="N699">
            <v>11</v>
          </cell>
          <cell r="O699">
            <v>1</v>
          </cell>
        </row>
        <row r="700">
          <cell r="C700">
            <v>56250</v>
          </cell>
          <cell r="D700" t="str">
            <v>MFCプログラマのためのC++Q&amp;A</v>
          </cell>
          <cell r="E700">
            <v>3800</v>
          </cell>
          <cell r="F700" t="str">
            <v>625-8</v>
          </cell>
          <cell r="G700">
            <v>33</v>
          </cell>
          <cell r="J700">
            <v>110470</v>
          </cell>
          <cell r="K700" t="str">
            <v>B</v>
          </cell>
          <cell r="N700">
            <v>11</v>
          </cell>
          <cell r="O700">
            <v>1</v>
          </cell>
        </row>
        <row r="701">
          <cell r="C701">
            <v>56260</v>
          </cell>
          <cell r="D701" t="str">
            <v>大切な人が自殺を望んだら</v>
          </cell>
          <cell r="E701">
            <v>2200</v>
          </cell>
          <cell r="F701" t="str">
            <v>626-5</v>
          </cell>
          <cell r="G701">
            <v>33</v>
          </cell>
          <cell r="J701">
            <v>110480</v>
          </cell>
          <cell r="K701" t="str">
            <v>B</v>
          </cell>
          <cell r="L701">
            <v>0</v>
          </cell>
          <cell r="N701">
            <v>11</v>
          </cell>
          <cell r="O701">
            <v>1</v>
          </cell>
        </row>
        <row r="702">
          <cell r="C702">
            <v>56270</v>
          </cell>
          <cell r="D702" t="str">
            <v>ゼンゼレへの手紙</v>
          </cell>
          <cell r="E702">
            <v>1500</v>
          </cell>
          <cell r="F702" t="str">
            <v>627-2</v>
          </cell>
          <cell r="G702">
            <v>33</v>
          </cell>
          <cell r="J702">
            <v>110490</v>
          </cell>
          <cell r="N702">
            <v>11</v>
          </cell>
          <cell r="O702">
            <v>2</v>
          </cell>
        </row>
        <row r="703">
          <cell r="C703">
            <v>56280</v>
          </cell>
          <cell r="D703" t="str">
            <v>Oracle8 チューニング</v>
          </cell>
          <cell r="E703">
            <v>5000</v>
          </cell>
          <cell r="F703" t="str">
            <v>628-9</v>
          </cell>
          <cell r="G703">
            <v>33</v>
          </cell>
          <cell r="J703">
            <v>110500</v>
          </cell>
          <cell r="K703" t="str">
            <v>B</v>
          </cell>
          <cell r="N703">
            <v>11</v>
          </cell>
          <cell r="O703">
            <v>3</v>
          </cell>
        </row>
        <row r="704">
          <cell r="C704">
            <v>56290</v>
          </cell>
          <cell r="D704" t="str">
            <v>ハチクイは旦那が実家に入り浸り</v>
          </cell>
          <cell r="E704">
            <v>1800</v>
          </cell>
          <cell r="F704" t="str">
            <v>629-6</v>
          </cell>
          <cell r="G704">
            <v>33</v>
          </cell>
          <cell r="J704">
            <v>110510</v>
          </cell>
          <cell r="K704" t="str">
            <v>B</v>
          </cell>
          <cell r="N704">
            <v>11</v>
          </cell>
          <cell r="O704">
            <v>1</v>
          </cell>
        </row>
        <row r="705">
          <cell r="C705">
            <v>56300</v>
          </cell>
          <cell r="D705" t="str">
            <v>恋のかけひきはグッピーに学べ</v>
          </cell>
          <cell r="E705">
            <v>1800</v>
          </cell>
          <cell r="F705" t="str">
            <v>630-2</v>
          </cell>
          <cell r="G705">
            <v>33</v>
          </cell>
          <cell r="J705">
            <v>110520</v>
          </cell>
          <cell r="K705" t="str">
            <v>A</v>
          </cell>
          <cell r="N705">
            <v>11</v>
          </cell>
          <cell r="O705">
            <v>1</v>
          </cell>
        </row>
        <row r="706">
          <cell r="C706">
            <v>56310</v>
          </cell>
          <cell r="D706" t="str">
            <v>パソコン組み立てトラブルFAQ</v>
          </cell>
          <cell r="E706">
            <v>2200</v>
          </cell>
          <cell r="F706" t="str">
            <v>631-9</v>
          </cell>
          <cell r="G706">
            <v>33</v>
          </cell>
          <cell r="J706">
            <v>110530</v>
          </cell>
          <cell r="K706" t="str">
            <v>B</v>
          </cell>
          <cell r="N706">
            <v>11</v>
          </cell>
          <cell r="O706">
            <v>2</v>
          </cell>
        </row>
        <row r="707">
          <cell r="C707">
            <v>56320</v>
          </cell>
          <cell r="D707" t="str">
            <v>MCSE教科書 Windows NT Server4.0</v>
          </cell>
          <cell r="E707">
            <v>3800</v>
          </cell>
          <cell r="F707" t="str">
            <v>632-6</v>
          </cell>
          <cell r="G707">
            <v>33</v>
          </cell>
          <cell r="J707">
            <v>110540</v>
          </cell>
          <cell r="N707">
            <v>21</v>
          </cell>
          <cell r="O707">
            <v>1</v>
          </cell>
        </row>
        <row r="708">
          <cell r="C708">
            <v>56330</v>
          </cell>
          <cell r="D708" t="str">
            <v>MCSE教科書 NT Server4.0 in the Enterprise</v>
          </cell>
          <cell r="E708">
            <v>3800</v>
          </cell>
          <cell r="F708" t="str">
            <v>633-3</v>
          </cell>
          <cell r="G708">
            <v>33</v>
          </cell>
          <cell r="J708">
            <v>110550</v>
          </cell>
          <cell r="K708" t="str">
            <v>C</v>
          </cell>
          <cell r="L708">
            <v>0</v>
          </cell>
          <cell r="N708">
            <v>11</v>
          </cell>
          <cell r="O708">
            <v>1</v>
          </cell>
        </row>
        <row r="709">
          <cell r="C709">
            <v>56340</v>
          </cell>
          <cell r="D709" t="str">
            <v>MCSE教科書 Windows NT Workstation4.0</v>
          </cell>
          <cell r="E709">
            <v>3800</v>
          </cell>
          <cell r="F709" t="str">
            <v>634-0</v>
          </cell>
          <cell r="G709">
            <v>33</v>
          </cell>
          <cell r="J709">
            <v>110560</v>
          </cell>
          <cell r="K709" t="str">
            <v>B</v>
          </cell>
          <cell r="N709">
            <v>11</v>
          </cell>
          <cell r="O709">
            <v>1</v>
          </cell>
        </row>
        <row r="710">
          <cell r="C710">
            <v>56350</v>
          </cell>
          <cell r="D710" t="str">
            <v>MCSE教科書 Networking Essentials</v>
          </cell>
          <cell r="E710">
            <v>3800</v>
          </cell>
          <cell r="F710" t="str">
            <v>635-7</v>
          </cell>
          <cell r="G710">
            <v>33</v>
          </cell>
          <cell r="J710">
            <v>110570</v>
          </cell>
          <cell r="K710" t="str">
            <v>C</v>
          </cell>
          <cell r="L710">
            <v>0</v>
          </cell>
          <cell r="N710">
            <v>11</v>
          </cell>
          <cell r="O710">
            <v>1</v>
          </cell>
        </row>
        <row r="711">
          <cell r="C711">
            <v>56360</v>
          </cell>
          <cell r="D711" t="str">
            <v>見えない世界で見えたこと</v>
          </cell>
          <cell r="E711">
            <v>2300</v>
          </cell>
          <cell r="F711" t="str">
            <v>636-4</v>
          </cell>
          <cell r="G711">
            <v>33</v>
          </cell>
          <cell r="J711">
            <v>110580</v>
          </cell>
          <cell r="K711" t="str">
            <v>B</v>
          </cell>
          <cell r="N711">
            <v>11</v>
          </cell>
          <cell r="O711">
            <v>1</v>
          </cell>
        </row>
        <row r="712">
          <cell r="C712">
            <v>56370</v>
          </cell>
          <cell r="D712" t="str">
            <v>海の記憶を求めて</v>
          </cell>
          <cell r="E712">
            <v>1800</v>
          </cell>
          <cell r="F712" t="str">
            <v>637-1</v>
          </cell>
          <cell r="G712">
            <v>33</v>
          </cell>
          <cell r="J712">
            <v>110590</v>
          </cell>
          <cell r="K712" t="str">
            <v>A</v>
          </cell>
          <cell r="N712">
            <v>11</v>
          </cell>
          <cell r="O712">
            <v>1</v>
          </cell>
        </row>
        <row r="713">
          <cell r="C713">
            <v>56380</v>
          </cell>
          <cell r="D713" t="str">
            <v>独習Photoshop5.0 for Windows</v>
          </cell>
          <cell r="E713">
            <v>3500</v>
          </cell>
          <cell r="F713" t="str">
            <v>638-8</v>
          </cell>
          <cell r="G713">
            <v>33</v>
          </cell>
          <cell r="J713">
            <v>110600</v>
          </cell>
          <cell r="K713" t="str">
            <v>B</v>
          </cell>
          <cell r="N713">
            <v>11</v>
          </cell>
          <cell r="O713">
            <v>1</v>
          </cell>
        </row>
        <row r="714">
          <cell r="C714">
            <v>56390</v>
          </cell>
          <cell r="D714" t="str">
            <v>救急マック...Macintoshトラブル解決テクニック</v>
          </cell>
          <cell r="E714">
            <v>2400</v>
          </cell>
          <cell r="F714" t="str">
            <v>639-5</v>
          </cell>
          <cell r="G714">
            <v>33</v>
          </cell>
          <cell r="J714">
            <v>110610</v>
          </cell>
          <cell r="K714" t="str">
            <v>C</v>
          </cell>
          <cell r="N714">
            <v>11</v>
          </cell>
          <cell r="O714">
            <v>1</v>
          </cell>
        </row>
        <row r="715">
          <cell r="C715">
            <v>56410</v>
          </cell>
          <cell r="D715" t="str">
            <v>デタラメPhotoshop</v>
          </cell>
          <cell r="E715">
            <v>2400</v>
          </cell>
          <cell r="F715" t="str">
            <v>641-8</v>
          </cell>
          <cell r="G715">
            <v>33</v>
          </cell>
          <cell r="J715">
            <v>110620</v>
          </cell>
          <cell r="K715" t="str">
            <v>B</v>
          </cell>
          <cell r="L715" t="str">
            <v>A</v>
          </cell>
          <cell r="N715">
            <v>11</v>
          </cell>
          <cell r="O715">
            <v>1</v>
          </cell>
        </row>
        <row r="716">
          <cell r="C716">
            <v>56420</v>
          </cell>
          <cell r="D716" t="str">
            <v>Photoshopロゴワークショップ</v>
          </cell>
          <cell r="E716">
            <v>2800</v>
          </cell>
          <cell r="F716" t="str">
            <v>642-5</v>
          </cell>
          <cell r="G716">
            <v>33</v>
          </cell>
          <cell r="J716">
            <v>110630</v>
          </cell>
          <cell r="K716" t="str">
            <v>B</v>
          </cell>
          <cell r="N716">
            <v>11</v>
          </cell>
          <cell r="O716">
            <v>1</v>
          </cell>
        </row>
        <row r="717">
          <cell r="C717">
            <v>56430</v>
          </cell>
          <cell r="D717" t="str">
            <v>Oracle Web Application Serverハンドブック</v>
          </cell>
          <cell r="E717">
            <v>5800</v>
          </cell>
          <cell r="F717" t="str">
            <v>643-2</v>
          </cell>
          <cell r="G717">
            <v>33</v>
          </cell>
          <cell r="J717">
            <v>110650</v>
          </cell>
          <cell r="K717" t="str">
            <v>C</v>
          </cell>
          <cell r="L717">
            <v>0</v>
          </cell>
          <cell r="N717">
            <v>11</v>
          </cell>
          <cell r="O717">
            <v>1</v>
          </cell>
        </row>
        <row r="718">
          <cell r="C718">
            <v>56440</v>
          </cell>
          <cell r="D718" t="str">
            <v>独習Photoshop5.0 for Macintosh</v>
          </cell>
          <cell r="E718">
            <v>3500</v>
          </cell>
          <cell r="F718" t="str">
            <v>644-9</v>
          </cell>
          <cell r="G718">
            <v>33</v>
          </cell>
          <cell r="J718">
            <v>110660</v>
          </cell>
          <cell r="K718" t="str">
            <v>B</v>
          </cell>
          <cell r="N718">
            <v>11</v>
          </cell>
          <cell r="O718">
            <v>1</v>
          </cell>
        </row>
        <row r="719">
          <cell r="C719">
            <v>56450</v>
          </cell>
          <cell r="D719" t="str">
            <v>10日でおぼえる Excel97VBA実践教室</v>
          </cell>
          <cell r="E719">
            <v>2800</v>
          </cell>
          <cell r="F719" t="str">
            <v>645-6</v>
          </cell>
          <cell r="G719">
            <v>33</v>
          </cell>
          <cell r="J719">
            <v>110670</v>
          </cell>
          <cell r="K719" t="str">
            <v>A</v>
          </cell>
          <cell r="L719">
            <v>0</v>
          </cell>
          <cell r="N719">
            <v>11</v>
          </cell>
          <cell r="O719">
            <v>1</v>
          </cell>
        </row>
        <row r="720">
          <cell r="C720">
            <v>56460</v>
          </cell>
          <cell r="D720" t="str">
            <v>はじめる Windows98</v>
          </cell>
          <cell r="E720">
            <v>1400</v>
          </cell>
          <cell r="F720" t="str">
            <v>646-3</v>
          </cell>
          <cell r="G720">
            <v>33</v>
          </cell>
          <cell r="J720">
            <v>110700</v>
          </cell>
          <cell r="K720" t="str">
            <v>C</v>
          </cell>
          <cell r="N720">
            <v>11</v>
          </cell>
          <cell r="O720">
            <v>1</v>
          </cell>
        </row>
        <row r="721">
          <cell r="C721">
            <v>56470</v>
          </cell>
          <cell r="D721" t="str">
            <v>DynamicHTML+ASPアプリケーションブック</v>
          </cell>
          <cell r="E721">
            <v>2800</v>
          </cell>
          <cell r="F721" t="str">
            <v>647-0</v>
          </cell>
          <cell r="G721">
            <v>33</v>
          </cell>
          <cell r="J721">
            <v>110710</v>
          </cell>
          <cell r="K721" t="str">
            <v>A</v>
          </cell>
          <cell r="L721" t="str">
            <v>B</v>
          </cell>
          <cell r="N721">
            <v>11</v>
          </cell>
          <cell r="O721">
            <v>2</v>
          </cell>
        </row>
        <row r="722">
          <cell r="C722">
            <v>56480</v>
          </cell>
          <cell r="D722" t="str">
            <v>人類の隠された起源</v>
          </cell>
          <cell r="E722">
            <v>2500</v>
          </cell>
          <cell r="F722" t="str">
            <v>648-7</v>
          </cell>
          <cell r="G722">
            <v>33</v>
          </cell>
          <cell r="J722">
            <v>110730</v>
          </cell>
          <cell r="K722" t="str">
            <v>A</v>
          </cell>
          <cell r="L722" t="str">
            <v>B</v>
          </cell>
          <cell r="N722">
            <v>11</v>
          </cell>
          <cell r="O722">
            <v>2</v>
          </cell>
        </row>
        <row r="723">
          <cell r="C723">
            <v>56490</v>
          </cell>
          <cell r="D723" t="str">
            <v>2000年大恐慌</v>
          </cell>
          <cell r="E723">
            <v>1800</v>
          </cell>
          <cell r="F723" t="str">
            <v>649-4</v>
          </cell>
          <cell r="G723">
            <v>33</v>
          </cell>
          <cell r="J723">
            <v>110750</v>
          </cell>
          <cell r="K723" t="str">
            <v>C</v>
          </cell>
          <cell r="N723">
            <v>11</v>
          </cell>
          <cell r="O723">
            <v>1</v>
          </cell>
        </row>
        <row r="724">
          <cell r="C724">
            <v>56500</v>
          </cell>
          <cell r="D724" t="str">
            <v>VisualＪ++6.0スタートアップブック</v>
          </cell>
          <cell r="E724">
            <v>2200</v>
          </cell>
          <cell r="F724" t="str">
            <v>650-0</v>
          </cell>
          <cell r="G724">
            <v>33</v>
          </cell>
          <cell r="J724">
            <v>110760</v>
          </cell>
          <cell r="K724" t="str">
            <v>A</v>
          </cell>
          <cell r="L724" t="str">
            <v>A</v>
          </cell>
          <cell r="N724">
            <v>11</v>
          </cell>
          <cell r="O724">
            <v>1</v>
          </cell>
        </row>
        <row r="725">
          <cell r="C725">
            <v>56510</v>
          </cell>
          <cell r="D725" t="str">
            <v>Visual InterDev6.0スタートアップブック</v>
          </cell>
          <cell r="E725">
            <v>2200</v>
          </cell>
          <cell r="F725" t="str">
            <v>651-7</v>
          </cell>
          <cell r="G725">
            <v>33</v>
          </cell>
          <cell r="J725">
            <v>110770</v>
          </cell>
          <cell r="K725" t="str">
            <v>A</v>
          </cell>
          <cell r="L725" t="str">
            <v>A</v>
          </cell>
          <cell r="N725">
            <v>11</v>
          </cell>
          <cell r="O725">
            <v>1</v>
          </cell>
        </row>
        <row r="726">
          <cell r="C726">
            <v>56520</v>
          </cell>
          <cell r="D726" t="str">
            <v>Windows98裏ワザ大全</v>
          </cell>
          <cell r="E726">
            <v>2400</v>
          </cell>
          <cell r="F726" t="str">
            <v>652-4</v>
          </cell>
          <cell r="G726">
            <v>33</v>
          </cell>
          <cell r="J726">
            <v>110780</v>
          </cell>
          <cell r="K726" t="str">
            <v>A</v>
          </cell>
          <cell r="L726" t="str">
            <v>A</v>
          </cell>
          <cell r="O726">
            <v>1</v>
          </cell>
        </row>
        <row r="727">
          <cell r="C727">
            <v>56530</v>
          </cell>
          <cell r="D727" t="str">
            <v>Windowsユーザーインターフェイス事典</v>
          </cell>
          <cell r="E727">
            <v>3200</v>
          </cell>
          <cell r="F727" t="str">
            <v>653-1</v>
          </cell>
          <cell r="G727">
            <v>33</v>
          </cell>
          <cell r="J727">
            <v>110800</v>
          </cell>
          <cell r="K727" t="str">
            <v>B</v>
          </cell>
          <cell r="N727">
            <v>11</v>
          </cell>
          <cell r="O727">
            <v>1</v>
          </cell>
        </row>
        <row r="728">
          <cell r="C728">
            <v>56540</v>
          </cell>
          <cell r="D728" t="str">
            <v>WindowsNTバックアップ＆リカバリー</v>
          </cell>
          <cell r="E728">
            <v>4800</v>
          </cell>
          <cell r="F728" t="str">
            <v>654-8</v>
          </cell>
          <cell r="G728">
            <v>33</v>
          </cell>
          <cell r="J728">
            <v>110810</v>
          </cell>
          <cell r="K728" t="str">
            <v>B</v>
          </cell>
          <cell r="L728" t="str">
            <v>A</v>
          </cell>
          <cell r="N728">
            <v>11</v>
          </cell>
          <cell r="O728">
            <v>1</v>
          </cell>
        </row>
        <row r="729">
          <cell r="C729">
            <v>56550</v>
          </cell>
          <cell r="D729" t="str">
            <v>標準DTV講座 総集編Adobe Permire5.0</v>
          </cell>
          <cell r="E729">
            <v>3800</v>
          </cell>
          <cell r="F729" t="str">
            <v>655-5</v>
          </cell>
          <cell r="G729">
            <v>33</v>
          </cell>
          <cell r="J729">
            <v>110820</v>
          </cell>
          <cell r="K729" t="str">
            <v>A</v>
          </cell>
          <cell r="N729">
            <v>11</v>
          </cell>
          <cell r="O729">
            <v>2</v>
          </cell>
        </row>
        <row r="730">
          <cell r="C730">
            <v>56560</v>
          </cell>
          <cell r="D730" t="str">
            <v>Oracle8 バックアップ＆リカバリー</v>
          </cell>
          <cell r="E730">
            <v>5800</v>
          </cell>
          <cell r="F730" t="str">
            <v>656-2</v>
          </cell>
          <cell r="G730">
            <v>33</v>
          </cell>
          <cell r="J730">
            <v>110830</v>
          </cell>
          <cell r="N730">
            <v>11</v>
          </cell>
          <cell r="O730">
            <v>1</v>
          </cell>
        </row>
        <row r="731">
          <cell r="C731">
            <v>56570</v>
          </cell>
          <cell r="D731" t="str">
            <v>3D Studio Max∞LightWave3DウルトラCGテクニック</v>
          </cell>
          <cell r="E731">
            <v>4200</v>
          </cell>
          <cell r="F731" t="str">
            <v>657-9</v>
          </cell>
          <cell r="G731">
            <v>33</v>
          </cell>
          <cell r="J731">
            <v>110850</v>
          </cell>
          <cell r="K731" t="str">
            <v>C</v>
          </cell>
          <cell r="N731">
            <v>11</v>
          </cell>
          <cell r="O731">
            <v>1</v>
          </cell>
        </row>
        <row r="732">
          <cell r="C732">
            <v>56580</v>
          </cell>
          <cell r="D732" t="str">
            <v>MCSE教科書 TCP/IP</v>
          </cell>
          <cell r="E732">
            <v>3800</v>
          </cell>
          <cell r="F732" t="str">
            <v>658-6</v>
          </cell>
          <cell r="G732">
            <v>33</v>
          </cell>
          <cell r="J732">
            <v>110860</v>
          </cell>
          <cell r="K732" t="str">
            <v>B</v>
          </cell>
          <cell r="N732">
            <v>11</v>
          </cell>
          <cell r="O732">
            <v>2</v>
          </cell>
        </row>
        <row r="733">
          <cell r="C733">
            <v>56590</v>
          </cell>
          <cell r="D733" t="str">
            <v>AutoCAD14ビギナーズガイド</v>
          </cell>
          <cell r="E733">
            <v>4800</v>
          </cell>
          <cell r="F733" t="str">
            <v>659-3</v>
          </cell>
          <cell r="G733">
            <v>33</v>
          </cell>
          <cell r="J733">
            <v>110870</v>
          </cell>
          <cell r="K733" t="str">
            <v>A</v>
          </cell>
          <cell r="N733">
            <v>33</v>
          </cell>
          <cell r="O733">
            <v>0</v>
          </cell>
        </row>
        <row r="734">
          <cell r="C734">
            <v>56600</v>
          </cell>
          <cell r="D734" t="str">
            <v>たくさんの私からひとりの私へ</v>
          </cell>
          <cell r="E734">
            <v>2000</v>
          </cell>
          <cell r="F734" t="str">
            <v>660-9</v>
          </cell>
          <cell r="G734">
            <v>33</v>
          </cell>
          <cell r="J734">
            <v>110880</v>
          </cell>
          <cell r="K734" t="str">
            <v>A</v>
          </cell>
          <cell r="N734">
            <v>33</v>
          </cell>
          <cell r="O734">
            <v>0</v>
          </cell>
        </row>
        <row r="735">
          <cell r="C735">
            <v>56610</v>
          </cell>
          <cell r="D735" t="str">
            <v>WindowsNTによるTCP/IP</v>
          </cell>
          <cell r="E735">
            <v>4800</v>
          </cell>
          <cell r="F735" t="str">
            <v>661-6</v>
          </cell>
          <cell r="G735">
            <v>33</v>
          </cell>
          <cell r="J735">
            <v>110890</v>
          </cell>
          <cell r="K735" t="str">
            <v>B</v>
          </cell>
          <cell r="N735">
            <v>33</v>
          </cell>
          <cell r="O735">
            <v>0</v>
          </cell>
        </row>
        <row r="736">
          <cell r="C736">
            <v>56620</v>
          </cell>
          <cell r="D736" t="str">
            <v>楽々Paint Shop Proカラーガイド</v>
          </cell>
          <cell r="E736">
            <v>2400</v>
          </cell>
          <cell r="F736" t="str">
            <v>662-3</v>
          </cell>
          <cell r="G736">
            <v>33</v>
          </cell>
          <cell r="J736">
            <v>110900</v>
          </cell>
          <cell r="K736" t="str">
            <v>B</v>
          </cell>
          <cell r="N736">
            <v>33</v>
          </cell>
          <cell r="O736">
            <v>0</v>
          </cell>
        </row>
        <row r="737">
          <cell r="C737">
            <v>56630</v>
          </cell>
          <cell r="D737" t="str">
            <v>Windows98プログラミング</v>
          </cell>
          <cell r="E737">
            <v>5800</v>
          </cell>
          <cell r="F737" t="str">
            <v>663-0</v>
          </cell>
          <cell r="G737">
            <v>33</v>
          </cell>
          <cell r="J737">
            <v>110910</v>
          </cell>
          <cell r="K737" t="str">
            <v>B</v>
          </cell>
          <cell r="N737">
            <v>11</v>
          </cell>
          <cell r="O737">
            <v>1</v>
          </cell>
        </row>
        <row r="738">
          <cell r="C738">
            <v>56640</v>
          </cell>
          <cell r="D738" t="str">
            <v>MCSE教科書 Exchange Server5.5</v>
          </cell>
          <cell r="E738">
            <v>4200</v>
          </cell>
          <cell r="F738" t="str">
            <v>664-7</v>
          </cell>
          <cell r="G738">
            <v>33</v>
          </cell>
          <cell r="J738">
            <v>110920</v>
          </cell>
          <cell r="K738" t="str">
            <v>A</v>
          </cell>
          <cell r="N738">
            <v>11</v>
          </cell>
          <cell r="O738">
            <v>1</v>
          </cell>
        </row>
        <row r="739">
          <cell r="C739">
            <v>56650</v>
          </cell>
          <cell r="D739" t="str">
            <v>惑星の暗号</v>
          </cell>
          <cell r="E739">
            <v>1900</v>
          </cell>
          <cell r="F739" t="str">
            <v>665-4</v>
          </cell>
          <cell r="G739">
            <v>11</v>
          </cell>
          <cell r="J739">
            <v>110930</v>
          </cell>
          <cell r="K739" t="str">
            <v>B</v>
          </cell>
          <cell r="N739">
            <v>11</v>
          </cell>
          <cell r="O739">
            <v>1</v>
          </cell>
        </row>
        <row r="740">
          <cell r="C740">
            <v>56660</v>
          </cell>
          <cell r="D740" t="str">
            <v>Youchan NorichanらぶらぶFlash3</v>
          </cell>
          <cell r="E740">
            <v>2800</v>
          </cell>
          <cell r="F740" t="str">
            <v>666-1</v>
          </cell>
          <cell r="G740">
            <v>33</v>
          </cell>
          <cell r="J740">
            <v>110950</v>
          </cell>
          <cell r="K740" t="str">
            <v>A</v>
          </cell>
          <cell r="N740">
            <v>11</v>
          </cell>
          <cell r="O740">
            <v>1</v>
          </cell>
        </row>
        <row r="741">
          <cell r="C741">
            <v>56670</v>
          </cell>
          <cell r="D741" t="str">
            <v>SNMPインターネットワーク管理</v>
          </cell>
          <cell r="E741">
            <v>5200</v>
          </cell>
          <cell r="F741" t="str">
            <v>667-8</v>
          </cell>
          <cell r="G741">
            <v>33</v>
          </cell>
          <cell r="J741">
            <v>110960</v>
          </cell>
          <cell r="K741" t="str">
            <v>B</v>
          </cell>
          <cell r="N741">
            <v>11</v>
          </cell>
          <cell r="O741">
            <v>2</v>
          </cell>
        </row>
        <row r="742">
          <cell r="C742">
            <v>56680</v>
          </cell>
          <cell r="D742" t="str">
            <v>Perlモジュール活用ガイド</v>
          </cell>
          <cell r="E742">
            <v>3800</v>
          </cell>
          <cell r="F742" t="str">
            <v>668-5</v>
          </cell>
          <cell r="G742">
            <v>33</v>
          </cell>
          <cell r="J742">
            <v>110970</v>
          </cell>
          <cell r="K742" t="str">
            <v>C</v>
          </cell>
          <cell r="N742">
            <v>11</v>
          </cell>
          <cell r="O742">
            <v>1</v>
          </cell>
        </row>
        <row r="743">
          <cell r="C743">
            <v>56690</v>
          </cell>
          <cell r="D743" t="str">
            <v>FreeBSD徹底活用 2 アプリケーション編</v>
          </cell>
          <cell r="E743">
            <v>3200</v>
          </cell>
          <cell r="F743" t="str">
            <v>669-2</v>
          </cell>
          <cell r="G743">
            <v>33</v>
          </cell>
          <cell r="J743">
            <v>110980</v>
          </cell>
          <cell r="K743" t="str">
            <v>A</v>
          </cell>
          <cell r="N743">
            <v>21</v>
          </cell>
          <cell r="O743">
            <v>1</v>
          </cell>
        </row>
        <row r="744">
          <cell r="C744">
            <v>56700</v>
          </cell>
          <cell r="D744" t="str">
            <v>PCハードディスクレコーディング入門</v>
          </cell>
          <cell r="E744">
            <v>2800</v>
          </cell>
          <cell r="F744" t="str">
            <v>670-8</v>
          </cell>
          <cell r="G744">
            <v>33</v>
          </cell>
          <cell r="J744">
            <v>110990</v>
          </cell>
          <cell r="K744" t="str">
            <v>A</v>
          </cell>
          <cell r="N744">
            <v>33</v>
          </cell>
          <cell r="O744">
            <v>0</v>
          </cell>
        </row>
        <row r="745">
          <cell r="C745">
            <v>56710</v>
          </cell>
          <cell r="D745" t="str">
            <v>MCSE教科書 IE4 Administration</v>
          </cell>
          <cell r="E745">
            <v>3800</v>
          </cell>
          <cell r="F745" t="str">
            <v>671-5</v>
          </cell>
          <cell r="G745">
            <v>33</v>
          </cell>
          <cell r="J745">
            <v>111000</v>
          </cell>
          <cell r="K745" t="str">
            <v>B</v>
          </cell>
          <cell r="N745">
            <v>33</v>
          </cell>
          <cell r="O745">
            <v>0</v>
          </cell>
        </row>
        <row r="746">
          <cell r="C746">
            <v>56720</v>
          </cell>
          <cell r="D746" t="str">
            <v>ミシュラン狂騒曲</v>
          </cell>
          <cell r="E746">
            <v>2000</v>
          </cell>
          <cell r="F746" t="str">
            <v>672-2</v>
          </cell>
          <cell r="G746">
            <v>33</v>
          </cell>
          <cell r="J746">
            <v>111010</v>
          </cell>
          <cell r="K746" t="str">
            <v>A</v>
          </cell>
          <cell r="N746">
            <v>11</v>
          </cell>
          <cell r="O746">
            <v>1</v>
          </cell>
        </row>
        <row r="747">
          <cell r="C747">
            <v>56730</v>
          </cell>
          <cell r="D747" t="str">
            <v>WindowsNTレスキューガイド</v>
          </cell>
          <cell r="E747">
            <v>3800</v>
          </cell>
          <cell r="F747" t="str">
            <v>673-9</v>
          </cell>
          <cell r="G747">
            <v>33</v>
          </cell>
          <cell r="J747">
            <v>111020</v>
          </cell>
          <cell r="K747" t="str">
            <v>B</v>
          </cell>
          <cell r="L747">
            <v>0</v>
          </cell>
          <cell r="N747">
            <v>11</v>
          </cell>
          <cell r="O747">
            <v>1</v>
          </cell>
        </row>
        <row r="748">
          <cell r="C748">
            <v>56740</v>
          </cell>
          <cell r="D748" t="str">
            <v>心や意識は脳のどこにあるのか</v>
          </cell>
          <cell r="E748">
            <v>2300</v>
          </cell>
          <cell r="F748" t="str">
            <v>674-6</v>
          </cell>
          <cell r="G748">
            <v>33</v>
          </cell>
          <cell r="J748">
            <v>111030</v>
          </cell>
          <cell r="K748" t="str">
            <v>B</v>
          </cell>
          <cell r="L748" t="str">
            <v>C</v>
          </cell>
          <cell r="M748" t="str">
            <v>●</v>
          </cell>
          <cell r="N748">
            <v>11</v>
          </cell>
          <cell r="O748">
            <v>2</v>
          </cell>
        </row>
        <row r="749">
          <cell r="C749">
            <v>56750</v>
          </cell>
          <cell r="D749" t="str">
            <v>MCSE教科書 ProxyServer2.0</v>
          </cell>
          <cell r="E749">
            <v>3800</v>
          </cell>
          <cell r="F749" t="str">
            <v>675-3</v>
          </cell>
          <cell r="G749">
            <v>33</v>
          </cell>
          <cell r="J749">
            <v>111040</v>
          </cell>
          <cell r="K749" t="str">
            <v>A</v>
          </cell>
          <cell r="N749">
            <v>11</v>
          </cell>
          <cell r="O749">
            <v>1</v>
          </cell>
        </row>
        <row r="750">
          <cell r="C750">
            <v>56760</v>
          </cell>
          <cell r="D750" t="str">
            <v>MCSE教科書 IIS4.0</v>
          </cell>
          <cell r="E750">
            <v>3800</v>
          </cell>
          <cell r="F750" t="str">
            <v>676-0</v>
          </cell>
          <cell r="G750">
            <v>33</v>
          </cell>
          <cell r="J750">
            <v>111050</v>
          </cell>
          <cell r="K750" t="str">
            <v>A</v>
          </cell>
          <cell r="N750">
            <v>11</v>
          </cell>
          <cell r="O750">
            <v>1</v>
          </cell>
        </row>
        <row r="751">
          <cell r="C751">
            <v>56770</v>
          </cell>
          <cell r="D751" t="str">
            <v>VisualBasic+Oracleシステム構築実装ガイド</v>
          </cell>
          <cell r="E751">
            <v>2800</v>
          </cell>
          <cell r="F751" t="str">
            <v>677-7</v>
          </cell>
          <cell r="G751">
            <v>33</v>
          </cell>
          <cell r="J751">
            <v>111060</v>
          </cell>
          <cell r="K751" t="str">
            <v>B</v>
          </cell>
          <cell r="N751">
            <v>33</v>
          </cell>
          <cell r="O751">
            <v>0</v>
          </cell>
        </row>
        <row r="752">
          <cell r="C752">
            <v>56780</v>
          </cell>
          <cell r="D752" t="str">
            <v>独習QuarkXPress4.0J for Windows</v>
          </cell>
          <cell r="E752">
            <v>3000</v>
          </cell>
          <cell r="F752" t="str">
            <v>678-4</v>
          </cell>
          <cell r="G752">
            <v>33</v>
          </cell>
          <cell r="J752">
            <v>111080</v>
          </cell>
          <cell r="K752" t="str">
            <v>B</v>
          </cell>
          <cell r="O752">
            <v>1</v>
          </cell>
        </row>
        <row r="753">
          <cell r="C753">
            <v>56790</v>
          </cell>
          <cell r="D753" t="str">
            <v>独習QuarkXPress4.0J for Macintosh</v>
          </cell>
          <cell r="E753">
            <v>3000</v>
          </cell>
          <cell r="F753" t="str">
            <v>679-1</v>
          </cell>
          <cell r="G753">
            <v>33</v>
          </cell>
          <cell r="J753">
            <v>111090</v>
          </cell>
          <cell r="K753" t="str">
            <v>A</v>
          </cell>
          <cell r="L753" t="str">
            <v>B</v>
          </cell>
          <cell r="N753">
            <v>11</v>
          </cell>
          <cell r="O753">
            <v>2</v>
          </cell>
        </row>
        <row r="754">
          <cell r="C754">
            <v>56800</v>
          </cell>
          <cell r="D754" t="str">
            <v>VisualBasic6.0プログラミング 1 6.0からはじめる人編</v>
          </cell>
          <cell r="E754">
            <v>3200</v>
          </cell>
          <cell r="F754" t="str">
            <v>680-7</v>
          </cell>
          <cell r="G754">
            <v>11</v>
          </cell>
          <cell r="J754">
            <v>111100</v>
          </cell>
          <cell r="K754" t="str">
            <v>B</v>
          </cell>
          <cell r="L754" t="str">
            <v>A</v>
          </cell>
          <cell r="N754">
            <v>11</v>
          </cell>
          <cell r="O754">
            <v>1</v>
          </cell>
        </row>
        <row r="755">
          <cell r="C755">
            <v>56810</v>
          </cell>
          <cell r="D755" t="str">
            <v>VisualBasic6.0プログラミング 2</v>
          </cell>
          <cell r="E755">
            <v>3200</v>
          </cell>
          <cell r="F755" t="str">
            <v>681-4</v>
          </cell>
          <cell r="G755">
            <v>33</v>
          </cell>
          <cell r="J755">
            <v>111130</v>
          </cell>
          <cell r="K755" t="str">
            <v>B</v>
          </cell>
          <cell r="N755">
            <v>11</v>
          </cell>
          <cell r="O755">
            <v>1</v>
          </cell>
        </row>
        <row r="756">
          <cell r="C756">
            <v>56820</v>
          </cell>
          <cell r="D756" t="str">
            <v>化石は愉しい!</v>
          </cell>
          <cell r="E756">
            <v>2000</v>
          </cell>
          <cell r="F756" t="str">
            <v>682-1</v>
          </cell>
          <cell r="G756">
            <v>33</v>
          </cell>
          <cell r="J756">
            <v>111140</v>
          </cell>
          <cell r="K756" t="str">
            <v>C</v>
          </cell>
          <cell r="N756">
            <v>11</v>
          </cell>
          <cell r="O756">
            <v>2</v>
          </cell>
        </row>
        <row r="757">
          <cell r="C757">
            <v>56830</v>
          </cell>
          <cell r="D757" t="str">
            <v>Windows98エキスパートガイド</v>
          </cell>
          <cell r="E757">
            <v>6800</v>
          </cell>
          <cell r="F757" t="str">
            <v>683-8</v>
          </cell>
          <cell r="G757">
            <v>33</v>
          </cell>
          <cell r="J757">
            <v>111150</v>
          </cell>
          <cell r="K757" t="str">
            <v>A</v>
          </cell>
          <cell r="L757" t="str">
            <v>C</v>
          </cell>
          <cell r="N757">
            <v>11</v>
          </cell>
          <cell r="O757">
            <v>2</v>
          </cell>
        </row>
        <row r="758">
          <cell r="C758">
            <v>56840</v>
          </cell>
          <cell r="D758" t="str">
            <v>VisualBasicによるビジネスアプリケーション開発</v>
          </cell>
          <cell r="E758">
            <v>6000</v>
          </cell>
          <cell r="F758" t="str">
            <v>684-5</v>
          </cell>
          <cell r="G758">
            <v>33</v>
          </cell>
          <cell r="J758">
            <v>111160</v>
          </cell>
          <cell r="K758" t="str">
            <v>A</v>
          </cell>
          <cell r="N758">
            <v>11</v>
          </cell>
          <cell r="O758">
            <v>2</v>
          </cell>
        </row>
        <row r="759">
          <cell r="C759">
            <v>56850</v>
          </cell>
          <cell r="D759" t="str">
            <v>COMアーキテクチャと実践スクリプティング</v>
          </cell>
          <cell r="E759">
            <v>3200</v>
          </cell>
          <cell r="F759" t="str">
            <v>685-2</v>
          </cell>
          <cell r="G759">
            <v>33</v>
          </cell>
          <cell r="J759">
            <v>111190</v>
          </cell>
          <cell r="K759" t="str">
            <v>A</v>
          </cell>
          <cell r="L759">
            <v>0</v>
          </cell>
          <cell r="M759">
            <v>0</v>
          </cell>
          <cell r="N759">
            <v>11</v>
          </cell>
          <cell r="O759">
            <v>2</v>
          </cell>
        </row>
        <row r="760">
          <cell r="C760">
            <v>56860</v>
          </cell>
          <cell r="D760" t="str">
            <v>標準DTP出力講座 フォント攻略編</v>
          </cell>
          <cell r="E760">
            <v>3000</v>
          </cell>
          <cell r="F760" t="str">
            <v>686-9</v>
          </cell>
          <cell r="G760">
            <v>33</v>
          </cell>
          <cell r="J760">
            <v>111200</v>
          </cell>
          <cell r="K760" t="str">
            <v>B</v>
          </cell>
          <cell r="L760">
            <v>0</v>
          </cell>
          <cell r="M760">
            <v>0</v>
          </cell>
          <cell r="N760">
            <v>11</v>
          </cell>
          <cell r="O760">
            <v>2</v>
          </cell>
        </row>
        <row r="761">
          <cell r="C761">
            <v>56870</v>
          </cell>
          <cell r="D761" t="str">
            <v>10日でおぼえる VisualBasic6.0入門教室</v>
          </cell>
          <cell r="E761">
            <v>2800</v>
          </cell>
          <cell r="F761" t="str">
            <v>687-6</v>
          </cell>
          <cell r="G761">
            <v>11</v>
          </cell>
          <cell r="J761">
            <v>111210</v>
          </cell>
          <cell r="K761" t="str">
            <v>B</v>
          </cell>
          <cell r="N761">
            <v>11</v>
          </cell>
          <cell r="O761">
            <v>1</v>
          </cell>
        </row>
        <row r="762">
          <cell r="C762">
            <v>56880</v>
          </cell>
          <cell r="D762" t="str">
            <v>楽々Photo Deluxe for ファミリー3.0カラーガイド</v>
          </cell>
          <cell r="E762">
            <v>2200</v>
          </cell>
          <cell r="F762" t="str">
            <v>688-3</v>
          </cell>
          <cell r="G762">
            <v>33</v>
          </cell>
          <cell r="J762">
            <v>111230</v>
          </cell>
          <cell r="K762" t="str">
            <v>B</v>
          </cell>
          <cell r="N762">
            <v>11</v>
          </cell>
          <cell r="O762">
            <v>1</v>
          </cell>
        </row>
        <row r="763">
          <cell r="C763">
            <v>56890</v>
          </cell>
          <cell r="D763" t="str">
            <v>Mini CADプログラミング入門</v>
          </cell>
          <cell r="E763">
            <v>3800</v>
          </cell>
          <cell r="F763" t="str">
            <v>689-0</v>
          </cell>
          <cell r="G763">
            <v>33</v>
          </cell>
          <cell r="J763">
            <v>111240</v>
          </cell>
          <cell r="K763" t="str">
            <v>A</v>
          </cell>
          <cell r="N763">
            <v>11</v>
          </cell>
          <cell r="O763">
            <v>1</v>
          </cell>
        </row>
        <row r="764">
          <cell r="C764">
            <v>56900</v>
          </cell>
          <cell r="D764" t="str">
            <v>Perl5マスターブック</v>
          </cell>
          <cell r="E764">
            <v>4200</v>
          </cell>
          <cell r="F764" t="str">
            <v>690-6</v>
          </cell>
          <cell r="G764">
            <v>33</v>
          </cell>
          <cell r="J764">
            <v>111250</v>
          </cell>
          <cell r="K764" t="str">
            <v>C</v>
          </cell>
          <cell r="N764">
            <v>11</v>
          </cell>
          <cell r="O764">
            <v>1</v>
          </cell>
        </row>
        <row r="765">
          <cell r="C765">
            <v>56910</v>
          </cell>
          <cell r="D765" t="str">
            <v>JavaBeansマスターブック</v>
          </cell>
          <cell r="E765">
            <v>4200</v>
          </cell>
          <cell r="F765" t="str">
            <v>691-3</v>
          </cell>
          <cell r="G765">
            <v>33</v>
          </cell>
          <cell r="J765">
            <v>111260</v>
          </cell>
          <cell r="K765" t="str">
            <v>B</v>
          </cell>
          <cell r="L765">
            <v>0</v>
          </cell>
          <cell r="N765">
            <v>11</v>
          </cell>
          <cell r="O765">
            <v>2</v>
          </cell>
        </row>
        <row r="766">
          <cell r="C766">
            <v>56920</v>
          </cell>
          <cell r="D766" t="str">
            <v>VisualC++6.0プログラミング</v>
          </cell>
          <cell r="E766">
            <v>4980</v>
          </cell>
          <cell r="F766" t="str">
            <v>692-0</v>
          </cell>
          <cell r="G766">
            <v>33</v>
          </cell>
          <cell r="J766">
            <v>111280</v>
          </cell>
          <cell r="K766" t="str">
            <v>A</v>
          </cell>
          <cell r="L766" t="str">
            <v>B</v>
          </cell>
          <cell r="N766">
            <v>11</v>
          </cell>
          <cell r="O766">
            <v>1</v>
          </cell>
        </row>
        <row r="767">
          <cell r="C767">
            <v>56930</v>
          </cell>
          <cell r="D767" t="str">
            <v>WindowsManager完全攻略for Linux</v>
          </cell>
          <cell r="E767">
            <v>3200</v>
          </cell>
          <cell r="F767" t="str">
            <v>693-7</v>
          </cell>
          <cell r="G767">
            <v>33</v>
          </cell>
          <cell r="J767">
            <v>111290</v>
          </cell>
          <cell r="K767" t="str">
            <v>B</v>
          </cell>
          <cell r="N767">
            <v>11</v>
          </cell>
          <cell r="O767">
            <v>1</v>
          </cell>
        </row>
        <row r="768">
          <cell r="C768">
            <v>56940</v>
          </cell>
          <cell r="D768" t="str">
            <v>Debian/GNU Linux徹底入門</v>
          </cell>
          <cell r="E768">
            <v>4800</v>
          </cell>
          <cell r="F768" t="str">
            <v>694-4</v>
          </cell>
          <cell r="G768">
            <v>33</v>
          </cell>
          <cell r="J768">
            <v>111310</v>
          </cell>
          <cell r="K768" t="str">
            <v>B</v>
          </cell>
          <cell r="M768">
            <v>0</v>
          </cell>
          <cell r="N768">
            <v>11</v>
          </cell>
          <cell r="O768">
            <v>2</v>
          </cell>
        </row>
        <row r="769">
          <cell r="C769">
            <v>56950</v>
          </cell>
          <cell r="D769" t="str">
            <v>10日でおぼえる Excel98VBA入門教室Macintosh版</v>
          </cell>
          <cell r="E769">
            <v>3400</v>
          </cell>
          <cell r="F769" t="str">
            <v>695-1</v>
          </cell>
          <cell r="G769">
            <v>33</v>
          </cell>
          <cell r="J769">
            <v>111320</v>
          </cell>
          <cell r="K769" t="str">
            <v>A</v>
          </cell>
          <cell r="L769" t="str">
            <v>C</v>
          </cell>
          <cell r="M769" t="str">
            <v>●</v>
          </cell>
          <cell r="N769">
            <v>11</v>
          </cell>
          <cell r="O769">
            <v>2</v>
          </cell>
        </row>
        <row r="770">
          <cell r="C770">
            <v>56960</v>
          </cell>
          <cell r="D770" t="str">
            <v>HTMLタグ辞典 カラー版</v>
          </cell>
          <cell r="E770">
            <v>1500</v>
          </cell>
          <cell r="F770" t="str">
            <v>696-8</v>
          </cell>
          <cell r="G770">
            <v>33</v>
          </cell>
          <cell r="J770">
            <v>111330</v>
          </cell>
          <cell r="K770" t="str">
            <v>A</v>
          </cell>
          <cell r="N770">
            <v>33</v>
          </cell>
          <cell r="O770">
            <v>0</v>
          </cell>
        </row>
        <row r="771">
          <cell r="C771">
            <v>56970</v>
          </cell>
          <cell r="D771" t="str">
            <v>いらないファイルはこんなにあった!ファイルの達人</v>
          </cell>
          <cell r="E771">
            <v>1600</v>
          </cell>
          <cell r="F771" t="str">
            <v>697-5</v>
          </cell>
          <cell r="G771">
            <v>33</v>
          </cell>
          <cell r="J771">
            <v>111340</v>
          </cell>
          <cell r="K771" t="str">
            <v>A</v>
          </cell>
          <cell r="M771" t="str">
            <v>●</v>
          </cell>
          <cell r="N771">
            <v>11</v>
          </cell>
          <cell r="O771">
            <v>2</v>
          </cell>
        </row>
        <row r="772">
          <cell r="C772">
            <v>56980</v>
          </cell>
          <cell r="D772" t="str">
            <v>プログラミング、大好き</v>
          </cell>
          <cell r="E772">
            <v>1300</v>
          </cell>
          <cell r="F772" t="str">
            <v>698-2</v>
          </cell>
          <cell r="G772">
            <v>33</v>
          </cell>
          <cell r="J772">
            <v>111350</v>
          </cell>
          <cell r="K772" t="str">
            <v>B</v>
          </cell>
          <cell r="N772">
            <v>11</v>
          </cell>
          <cell r="O772">
            <v>1</v>
          </cell>
        </row>
        <row r="773">
          <cell r="C773">
            <v>56990</v>
          </cell>
          <cell r="D773" t="str">
            <v>ATL COMプログラミング</v>
          </cell>
          <cell r="E773">
            <v>4800</v>
          </cell>
          <cell r="F773" t="str">
            <v>699-9</v>
          </cell>
          <cell r="G773">
            <v>11</v>
          </cell>
          <cell r="J773">
            <v>111370</v>
          </cell>
          <cell r="K773" t="str">
            <v>B</v>
          </cell>
          <cell r="N773">
            <v>11</v>
          </cell>
          <cell r="O773">
            <v>1</v>
          </cell>
        </row>
        <row r="774">
          <cell r="C774">
            <v>57000</v>
          </cell>
          <cell r="D774" t="str">
            <v>独習C 改訂版</v>
          </cell>
          <cell r="E774">
            <v>3200</v>
          </cell>
          <cell r="F774" t="str">
            <v>700-2</v>
          </cell>
          <cell r="G774">
            <v>33</v>
          </cell>
          <cell r="J774">
            <v>111380</v>
          </cell>
          <cell r="K774" t="str">
            <v>A</v>
          </cell>
          <cell r="L774" t="str">
            <v>C</v>
          </cell>
          <cell r="M774" t="str">
            <v>●</v>
          </cell>
          <cell r="O774">
            <v>2</v>
          </cell>
        </row>
        <row r="775">
          <cell r="C775">
            <v>57010</v>
          </cell>
          <cell r="D775" t="str">
            <v>独習C++ 改訂版</v>
          </cell>
          <cell r="E775">
            <v>3200</v>
          </cell>
          <cell r="F775" t="str">
            <v>701-9</v>
          </cell>
          <cell r="G775">
            <v>33</v>
          </cell>
          <cell r="J775">
            <v>111400</v>
          </cell>
          <cell r="K775" t="str">
            <v>A</v>
          </cell>
          <cell r="N775">
            <v>11</v>
          </cell>
          <cell r="O775">
            <v>1</v>
          </cell>
        </row>
        <row r="776">
          <cell r="C776">
            <v>57040</v>
          </cell>
          <cell r="D776" t="str">
            <v>標準講座 MFC6.0</v>
          </cell>
          <cell r="E776">
            <v>4800</v>
          </cell>
          <cell r="F776" t="str">
            <v>704-0</v>
          </cell>
          <cell r="G776">
            <v>11</v>
          </cell>
          <cell r="J776">
            <v>111410</v>
          </cell>
          <cell r="K776" t="str">
            <v>A</v>
          </cell>
          <cell r="L776" t="str">
            <v>B</v>
          </cell>
          <cell r="N776">
            <v>11</v>
          </cell>
          <cell r="O776">
            <v>2</v>
          </cell>
        </row>
        <row r="777">
          <cell r="C777">
            <v>57050</v>
          </cell>
          <cell r="D777" t="str">
            <v>標準講座 C++</v>
          </cell>
          <cell r="E777">
            <v>6800</v>
          </cell>
          <cell r="F777" t="str">
            <v>705-7</v>
          </cell>
          <cell r="G777">
            <v>11</v>
          </cell>
          <cell r="J777">
            <v>111420</v>
          </cell>
          <cell r="K777" t="str">
            <v>C</v>
          </cell>
          <cell r="N777">
            <v>11</v>
          </cell>
          <cell r="O777">
            <v>1</v>
          </cell>
        </row>
        <row r="778">
          <cell r="C778">
            <v>57060</v>
          </cell>
          <cell r="D778" t="str">
            <v>QuarkXPressによる 標準DTP入門講座 自動処理編</v>
          </cell>
          <cell r="E778">
            <v>3000</v>
          </cell>
          <cell r="F778" t="str">
            <v>706-4</v>
          </cell>
          <cell r="G778">
            <v>33</v>
          </cell>
          <cell r="J778">
            <v>111430</v>
          </cell>
          <cell r="N778">
            <v>11</v>
          </cell>
          <cell r="O778">
            <v>1</v>
          </cell>
        </row>
        <row r="779">
          <cell r="C779">
            <v>57070</v>
          </cell>
          <cell r="D779" t="str">
            <v>VisualBasic6.0パーフェクトガイド</v>
          </cell>
          <cell r="E779">
            <v>8000</v>
          </cell>
          <cell r="F779" t="str">
            <v>707-1</v>
          </cell>
          <cell r="G779">
            <v>33</v>
          </cell>
          <cell r="J779">
            <v>111440</v>
          </cell>
          <cell r="K779" t="str">
            <v>B</v>
          </cell>
          <cell r="L779">
            <v>0</v>
          </cell>
          <cell r="N779">
            <v>11</v>
          </cell>
          <cell r="O779">
            <v>1</v>
          </cell>
        </row>
        <row r="780">
          <cell r="C780">
            <v>57080</v>
          </cell>
          <cell r="D780" t="str">
            <v>Oracle8 NTハンドブック</v>
          </cell>
          <cell r="E780">
            <v>4500</v>
          </cell>
          <cell r="F780" t="str">
            <v>708-8</v>
          </cell>
          <cell r="G780">
            <v>33</v>
          </cell>
          <cell r="J780">
            <v>111450</v>
          </cell>
          <cell r="K780" t="str">
            <v>A</v>
          </cell>
          <cell r="N780">
            <v>11</v>
          </cell>
          <cell r="O780">
            <v>2</v>
          </cell>
        </row>
        <row r="781">
          <cell r="C781">
            <v>57090</v>
          </cell>
          <cell r="D781" t="str">
            <v>Oracle8 PL/SQLプログラミング</v>
          </cell>
          <cell r="E781">
            <v>6800</v>
          </cell>
          <cell r="F781" t="str">
            <v>709-5</v>
          </cell>
          <cell r="G781">
            <v>33</v>
          </cell>
          <cell r="J781">
            <v>111460</v>
          </cell>
          <cell r="K781" t="str">
            <v>A</v>
          </cell>
          <cell r="N781">
            <v>11</v>
          </cell>
          <cell r="O781">
            <v>2</v>
          </cell>
        </row>
        <row r="782">
          <cell r="C782">
            <v>57100</v>
          </cell>
          <cell r="D782" t="str">
            <v>ティバルドと消えた十日間</v>
          </cell>
          <cell r="E782">
            <v>2000</v>
          </cell>
          <cell r="F782" t="str">
            <v>710-1</v>
          </cell>
          <cell r="G782">
            <v>33</v>
          </cell>
          <cell r="J782">
            <v>111470</v>
          </cell>
          <cell r="K782" t="str">
            <v>B</v>
          </cell>
          <cell r="L782" t="str">
            <v>B</v>
          </cell>
          <cell r="N782">
            <v>11</v>
          </cell>
          <cell r="O782">
            <v>2</v>
          </cell>
        </row>
        <row r="783">
          <cell r="C783">
            <v>57110</v>
          </cell>
          <cell r="D783" t="str">
            <v>マスタリング Csh</v>
          </cell>
          <cell r="E783">
            <v>2800</v>
          </cell>
          <cell r="F783" t="str">
            <v>711-8</v>
          </cell>
          <cell r="G783">
            <v>33</v>
          </cell>
          <cell r="J783">
            <v>111480</v>
          </cell>
          <cell r="O783">
            <v>1</v>
          </cell>
        </row>
        <row r="784">
          <cell r="C784">
            <v>57120</v>
          </cell>
          <cell r="D784" t="str">
            <v>Poser3人体作戦</v>
          </cell>
          <cell r="E784">
            <v>3800</v>
          </cell>
          <cell r="F784" t="str">
            <v>712-5</v>
          </cell>
          <cell r="G784">
            <v>33</v>
          </cell>
          <cell r="J784">
            <v>111540</v>
          </cell>
          <cell r="K784" t="str">
            <v>A</v>
          </cell>
          <cell r="L784" t="str">
            <v>A</v>
          </cell>
          <cell r="O784">
            <v>2</v>
          </cell>
        </row>
        <row r="785">
          <cell r="C785">
            <v>57130</v>
          </cell>
          <cell r="D785" t="str">
            <v>Auto LISP徹底活用ガイド</v>
          </cell>
          <cell r="E785">
            <v>4200</v>
          </cell>
          <cell r="F785" t="str">
            <v>713-2</v>
          </cell>
          <cell r="G785">
            <v>33</v>
          </cell>
          <cell r="J785">
            <v>111550</v>
          </cell>
          <cell r="K785" t="str">
            <v>A</v>
          </cell>
          <cell r="L785" t="str">
            <v>A</v>
          </cell>
          <cell r="O785">
            <v>2</v>
          </cell>
        </row>
        <row r="786">
          <cell r="C786">
            <v>57140</v>
          </cell>
          <cell r="D786" t="str">
            <v>WindowsNTパフォーマンス・チューニング</v>
          </cell>
          <cell r="E786">
            <v>6200</v>
          </cell>
          <cell r="F786" t="str">
            <v>714-9</v>
          </cell>
          <cell r="G786">
            <v>33</v>
          </cell>
          <cell r="J786">
            <v>111560</v>
          </cell>
          <cell r="K786" t="str">
            <v>C</v>
          </cell>
          <cell r="O786">
            <v>1</v>
          </cell>
        </row>
        <row r="787">
          <cell r="C787">
            <v>57150</v>
          </cell>
          <cell r="D787" t="str">
            <v>Java+CORBA分散オブジェクトシステム構築</v>
          </cell>
          <cell r="E787">
            <v>3800</v>
          </cell>
          <cell r="F787" t="str">
            <v>715-6</v>
          </cell>
          <cell r="G787">
            <v>33</v>
          </cell>
          <cell r="J787">
            <v>111570</v>
          </cell>
          <cell r="K787" t="str">
            <v>A</v>
          </cell>
          <cell r="L787" t="str">
            <v>A</v>
          </cell>
          <cell r="N787">
            <v>11</v>
          </cell>
          <cell r="O787">
            <v>1</v>
          </cell>
        </row>
        <row r="788">
          <cell r="C788">
            <v>57160</v>
          </cell>
          <cell r="D788" t="str">
            <v>最初は小さな舟を漕げ</v>
          </cell>
          <cell r="E788">
            <v>1900</v>
          </cell>
          <cell r="F788" t="str">
            <v>716-3</v>
          </cell>
          <cell r="G788">
            <v>33</v>
          </cell>
          <cell r="J788">
            <v>111610</v>
          </cell>
          <cell r="K788" t="str">
            <v>C</v>
          </cell>
          <cell r="O788">
            <v>1</v>
          </cell>
        </row>
        <row r="789">
          <cell r="C789">
            <v>57170</v>
          </cell>
          <cell r="D789" t="str">
            <v>ExchangeServer5.5構築運用ガイド</v>
          </cell>
          <cell r="E789">
            <v>5800</v>
          </cell>
          <cell r="F789" t="str">
            <v>717-0</v>
          </cell>
          <cell r="G789">
            <v>33</v>
          </cell>
          <cell r="J789">
            <v>111620</v>
          </cell>
          <cell r="K789" t="str">
            <v>A</v>
          </cell>
          <cell r="N789">
            <v>11</v>
          </cell>
          <cell r="O789">
            <v>2</v>
          </cell>
        </row>
        <row r="790">
          <cell r="C790">
            <v>57180</v>
          </cell>
          <cell r="D790" t="str">
            <v>VisualBasic 1 はじめてのプログラミング</v>
          </cell>
          <cell r="E790">
            <v>1900</v>
          </cell>
          <cell r="F790" t="str">
            <v>718-7</v>
          </cell>
          <cell r="G790">
            <v>11</v>
          </cell>
          <cell r="J790">
            <v>111630</v>
          </cell>
          <cell r="N790">
            <v>11</v>
          </cell>
          <cell r="O790">
            <v>1</v>
          </cell>
        </row>
        <row r="791">
          <cell r="C791">
            <v>57190</v>
          </cell>
          <cell r="D791" t="str">
            <v>VisualBasic 2 はじめてのアルゴリズムとデータ構造</v>
          </cell>
          <cell r="E791">
            <v>2200</v>
          </cell>
          <cell r="F791" t="str">
            <v>719-4</v>
          </cell>
          <cell r="G791">
            <v>33</v>
          </cell>
          <cell r="J791">
            <v>111640</v>
          </cell>
          <cell r="K791" t="str">
            <v>A</v>
          </cell>
          <cell r="L791" t="str">
            <v>C</v>
          </cell>
          <cell r="M791" t="str">
            <v>●</v>
          </cell>
          <cell r="N791">
            <v>11</v>
          </cell>
          <cell r="O791">
            <v>2</v>
          </cell>
        </row>
        <row r="792">
          <cell r="C792">
            <v>57200</v>
          </cell>
          <cell r="D792" t="str">
            <v>VisualBasic 3 はじめてのアプリケーション開発</v>
          </cell>
          <cell r="E792">
            <v>2400</v>
          </cell>
          <cell r="F792" t="str">
            <v>720-0</v>
          </cell>
          <cell r="G792">
            <v>33</v>
          </cell>
          <cell r="J792">
            <v>111650</v>
          </cell>
          <cell r="K792" t="str">
            <v>A</v>
          </cell>
          <cell r="L792" t="str">
            <v>C</v>
          </cell>
          <cell r="M792" t="str">
            <v>●</v>
          </cell>
          <cell r="N792">
            <v>11</v>
          </cell>
          <cell r="O792">
            <v>2</v>
          </cell>
        </row>
        <row r="793">
          <cell r="C793">
            <v>57210</v>
          </cell>
          <cell r="D793" t="str">
            <v>沈没への航路</v>
          </cell>
          <cell r="E793">
            <v>2000</v>
          </cell>
          <cell r="F793" t="str">
            <v>721-7</v>
          </cell>
          <cell r="G793">
            <v>33</v>
          </cell>
          <cell r="J793">
            <v>111660</v>
          </cell>
          <cell r="K793" t="str">
            <v>B</v>
          </cell>
          <cell r="L793" t="str">
            <v>C</v>
          </cell>
          <cell r="N793">
            <v>11</v>
          </cell>
          <cell r="O793">
            <v>2</v>
          </cell>
        </row>
        <row r="794">
          <cell r="C794">
            <v>57220</v>
          </cell>
          <cell r="D794" t="str">
            <v>Photoshop＆Illustrator連携スタジオ</v>
          </cell>
          <cell r="E794">
            <v>3800</v>
          </cell>
          <cell r="F794" t="str">
            <v>722-4</v>
          </cell>
          <cell r="G794">
            <v>33</v>
          </cell>
          <cell r="J794">
            <v>111670</v>
          </cell>
          <cell r="K794" t="str">
            <v>B</v>
          </cell>
          <cell r="N794">
            <v>11</v>
          </cell>
          <cell r="O794">
            <v>1</v>
          </cell>
        </row>
        <row r="795">
          <cell r="C795">
            <v>57230</v>
          </cell>
          <cell r="D795" t="str">
            <v>QuarkXPressによる 標準DTP入門講座 基礎編 改訂版</v>
          </cell>
          <cell r="E795">
            <v>3000</v>
          </cell>
          <cell r="F795" t="str">
            <v>723-1</v>
          </cell>
          <cell r="G795">
            <v>33</v>
          </cell>
          <cell r="J795">
            <v>111680</v>
          </cell>
          <cell r="K795" t="str">
            <v>A</v>
          </cell>
          <cell r="L795" t="str">
            <v>C</v>
          </cell>
          <cell r="M795" t="str">
            <v>●</v>
          </cell>
          <cell r="N795">
            <v>11</v>
          </cell>
          <cell r="O795">
            <v>2</v>
          </cell>
        </row>
        <row r="796">
          <cell r="C796">
            <v>57240</v>
          </cell>
          <cell r="D796" t="str">
            <v>楽々PhotoDraw2000カラーガイド</v>
          </cell>
          <cell r="E796">
            <v>2200</v>
          </cell>
          <cell r="F796" t="str">
            <v>724-8</v>
          </cell>
          <cell r="G796">
            <v>33</v>
          </cell>
          <cell r="J796">
            <v>111690</v>
          </cell>
          <cell r="K796" t="str">
            <v>C</v>
          </cell>
          <cell r="N796">
            <v>11</v>
          </cell>
          <cell r="O796">
            <v>1</v>
          </cell>
        </row>
        <row r="797">
          <cell r="C797">
            <v>57250</v>
          </cell>
          <cell r="D797" t="str">
            <v>Excel97 VBA辞典</v>
          </cell>
          <cell r="E797">
            <v>1900</v>
          </cell>
          <cell r="F797" t="str">
            <v>725-5</v>
          </cell>
          <cell r="G797">
            <v>33</v>
          </cell>
          <cell r="J797">
            <v>111710</v>
          </cell>
          <cell r="K797" t="str">
            <v>C</v>
          </cell>
          <cell r="O797">
            <v>1</v>
          </cell>
        </row>
        <row r="798">
          <cell r="C798">
            <v>57260</v>
          </cell>
          <cell r="D798" t="str">
            <v>Wnn6徹底入門</v>
          </cell>
          <cell r="E798">
            <v>2800</v>
          </cell>
          <cell r="F798" t="str">
            <v>726-2</v>
          </cell>
          <cell r="G798">
            <v>33</v>
          </cell>
          <cell r="J798">
            <v>111760</v>
          </cell>
          <cell r="K798" t="str">
            <v>B</v>
          </cell>
          <cell r="N798">
            <v>11</v>
          </cell>
          <cell r="O798">
            <v>1</v>
          </cell>
        </row>
        <row r="799">
          <cell r="C799">
            <v>57270</v>
          </cell>
          <cell r="D799" t="str">
            <v>Sambaリファレンス WindowsとUNIXの統合</v>
          </cell>
          <cell r="E799">
            <v>3600</v>
          </cell>
          <cell r="F799" t="str">
            <v>727-9</v>
          </cell>
          <cell r="G799">
            <v>33</v>
          </cell>
          <cell r="J799">
            <v>111780</v>
          </cell>
          <cell r="K799" t="str">
            <v>B</v>
          </cell>
          <cell r="N799">
            <v>11</v>
          </cell>
          <cell r="O799">
            <v>1</v>
          </cell>
        </row>
        <row r="800">
          <cell r="C800">
            <v>57280</v>
          </cell>
          <cell r="D800" t="str">
            <v>IPv6入門</v>
          </cell>
          <cell r="E800">
            <v>4300</v>
          </cell>
          <cell r="F800" t="str">
            <v>728-6</v>
          </cell>
          <cell r="G800">
            <v>33</v>
          </cell>
          <cell r="J800">
            <v>111800</v>
          </cell>
          <cell r="K800" t="str">
            <v>B</v>
          </cell>
          <cell r="N800">
            <v>11</v>
          </cell>
          <cell r="O800">
            <v>2</v>
          </cell>
        </row>
        <row r="801">
          <cell r="C801">
            <v>57290</v>
          </cell>
          <cell r="D801" t="str">
            <v>グラン・ギニョール</v>
          </cell>
          <cell r="E801">
            <v>2000</v>
          </cell>
          <cell r="F801" t="str">
            <v>729-3</v>
          </cell>
          <cell r="G801">
            <v>33</v>
          </cell>
          <cell r="J801">
            <v>111820</v>
          </cell>
          <cell r="K801" t="str">
            <v>C</v>
          </cell>
          <cell r="N801">
            <v>11</v>
          </cell>
          <cell r="O801">
            <v>1</v>
          </cell>
        </row>
        <row r="802">
          <cell r="C802">
            <v>57300</v>
          </cell>
          <cell r="D802" t="str">
            <v>サヴェジ・ナイト</v>
          </cell>
          <cell r="E802">
            <v>1900</v>
          </cell>
          <cell r="F802" t="str">
            <v>730-9</v>
          </cell>
          <cell r="G802">
            <v>11</v>
          </cell>
          <cell r="J802">
            <v>111830</v>
          </cell>
          <cell r="K802" t="str">
            <v>A</v>
          </cell>
          <cell r="L802" t="str">
            <v>A</v>
          </cell>
          <cell r="N802">
            <v>11</v>
          </cell>
          <cell r="O802">
            <v>1</v>
          </cell>
        </row>
        <row r="803">
          <cell r="C803">
            <v>57310</v>
          </cell>
          <cell r="D803" t="str">
            <v>Fontographers</v>
          </cell>
          <cell r="E803">
            <v>3800</v>
          </cell>
          <cell r="F803" t="str">
            <v>731-6</v>
          </cell>
          <cell r="G803">
            <v>33</v>
          </cell>
          <cell r="J803">
            <v>111840</v>
          </cell>
          <cell r="K803" t="str">
            <v>A</v>
          </cell>
          <cell r="L803" t="str">
            <v>A</v>
          </cell>
          <cell r="N803">
            <v>11</v>
          </cell>
          <cell r="O803">
            <v>1</v>
          </cell>
        </row>
        <row r="804">
          <cell r="C804">
            <v>57320</v>
          </cell>
          <cell r="D804" t="str">
            <v>クラッキング対策ファイナルガイド</v>
          </cell>
          <cell r="E804">
            <v>6800</v>
          </cell>
          <cell r="F804" t="str">
            <v>732-3</v>
          </cell>
          <cell r="G804">
            <v>33</v>
          </cell>
          <cell r="J804">
            <v>111850</v>
          </cell>
          <cell r="K804" t="str">
            <v>A</v>
          </cell>
          <cell r="L804" t="str">
            <v>A</v>
          </cell>
          <cell r="N804">
            <v>11</v>
          </cell>
          <cell r="O804">
            <v>1</v>
          </cell>
        </row>
        <row r="805">
          <cell r="C805">
            <v>57330</v>
          </cell>
          <cell r="D805" t="str">
            <v>独習VisualBasic6.0</v>
          </cell>
          <cell r="E805">
            <v>3200</v>
          </cell>
          <cell r="F805" t="str">
            <v>733-0</v>
          </cell>
          <cell r="G805">
            <v>33</v>
          </cell>
          <cell r="J805">
            <v>111860</v>
          </cell>
          <cell r="K805" t="str">
            <v>A</v>
          </cell>
          <cell r="L805" t="str">
            <v>C</v>
          </cell>
          <cell r="M805" t="str">
            <v>●</v>
          </cell>
          <cell r="N805">
            <v>11</v>
          </cell>
          <cell r="O805">
            <v>2</v>
          </cell>
        </row>
        <row r="806">
          <cell r="C806">
            <v>57340</v>
          </cell>
          <cell r="D806" t="str">
            <v>Windows98 APIバイブル</v>
          </cell>
          <cell r="E806">
            <v>5800</v>
          </cell>
          <cell r="F806" t="str">
            <v>734-7</v>
          </cell>
          <cell r="G806">
            <v>33</v>
          </cell>
          <cell r="J806">
            <v>111870</v>
          </cell>
          <cell r="K806" t="str">
            <v>C</v>
          </cell>
          <cell r="N806">
            <v>11</v>
          </cell>
          <cell r="O806">
            <v>1</v>
          </cell>
        </row>
        <row r="807">
          <cell r="C807">
            <v>57350</v>
          </cell>
          <cell r="D807" t="str">
            <v>はじめる ニフティマネジャー5.0</v>
          </cell>
          <cell r="E807">
            <v>1800</v>
          </cell>
          <cell r="F807" t="str">
            <v>735-4</v>
          </cell>
          <cell r="G807">
            <v>33</v>
          </cell>
          <cell r="J807">
            <v>111880</v>
          </cell>
          <cell r="K807" t="str">
            <v>C</v>
          </cell>
          <cell r="O807">
            <v>1</v>
          </cell>
        </row>
        <row r="808">
          <cell r="C808">
            <v>57360</v>
          </cell>
          <cell r="D808" t="str">
            <v>ポジオリ教授の事件簿</v>
          </cell>
          <cell r="E808">
            <v>2000</v>
          </cell>
          <cell r="F808" t="str">
            <v>736-1</v>
          </cell>
          <cell r="G808">
            <v>33</v>
          </cell>
          <cell r="J808">
            <v>111890</v>
          </cell>
          <cell r="N808">
            <v>21</v>
          </cell>
          <cell r="O808">
            <v>1</v>
          </cell>
        </row>
        <row r="809">
          <cell r="C809">
            <v>57370</v>
          </cell>
          <cell r="D809" t="str">
            <v>悪魔に食われろ青尾蠅</v>
          </cell>
          <cell r="E809">
            <v>2000</v>
          </cell>
          <cell r="F809" t="str">
            <v>737-8</v>
          </cell>
          <cell r="G809">
            <v>11</v>
          </cell>
          <cell r="J809">
            <v>111900</v>
          </cell>
          <cell r="N809">
            <v>21</v>
          </cell>
          <cell r="O809">
            <v>1</v>
          </cell>
        </row>
        <row r="810">
          <cell r="C810">
            <v>57380</v>
          </cell>
          <cell r="D810" t="str">
            <v>ドイル傑作選 1</v>
          </cell>
          <cell r="E810">
            <v>2500</v>
          </cell>
          <cell r="F810" t="str">
            <v>738-5</v>
          </cell>
          <cell r="G810">
            <v>33</v>
          </cell>
          <cell r="J810">
            <v>111910</v>
          </cell>
          <cell r="N810">
            <v>21</v>
          </cell>
          <cell r="O810">
            <v>1</v>
          </cell>
        </row>
        <row r="811">
          <cell r="C811">
            <v>57390</v>
          </cell>
          <cell r="D811" t="str">
            <v>ドイル傑作選 2</v>
          </cell>
          <cell r="E811">
            <v>2500</v>
          </cell>
          <cell r="F811" t="str">
            <v>739-2</v>
          </cell>
          <cell r="G811">
            <v>33</v>
          </cell>
          <cell r="J811">
            <v>111950</v>
          </cell>
          <cell r="K811" t="str">
            <v>B</v>
          </cell>
          <cell r="L811">
            <v>0</v>
          </cell>
          <cell r="M811">
            <v>0</v>
          </cell>
          <cell r="N811">
            <v>11</v>
          </cell>
          <cell r="O811">
            <v>2</v>
          </cell>
        </row>
        <row r="812">
          <cell r="C812">
            <v>57400</v>
          </cell>
          <cell r="D812" t="str">
            <v>FAKE IMAGE with Photoshop</v>
          </cell>
          <cell r="E812">
            <v>3800</v>
          </cell>
          <cell r="F812" t="str">
            <v>740-8</v>
          </cell>
          <cell r="G812">
            <v>33</v>
          </cell>
          <cell r="J812">
            <v>111980</v>
          </cell>
          <cell r="K812" t="str">
            <v>A</v>
          </cell>
          <cell r="N812">
            <v>11</v>
          </cell>
          <cell r="O812">
            <v>2</v>
          </cell>
        </row>
        <row r="813">
          <cell r="C813">
            <v>57410</v>
          </cell>
          <cell r="D813" t="str">
            <v>ASP2.0標準講座</v>
          </cell>
          <cell r="E813">
            <v>8500</v>
          </cell>
          <cell r="F813" t="str">
            <v>741-5</v>
          </cell>
          <cell r="G813">
            <v>33</v>
          </cell>
          <cell r="J813">
            <v>111990</v>
          </cell>
          <cell r="K813" t="str">
            <v>B</v>
          </cell>
          <cell r="N813">
            <v>11</v>
          </cell>
          <cell r="O813">
            <v>1</v>
          </cell>
        </row>
        <row r="814">
          <cell r="C814">
            <v>57420</v>
          </cell>
          <cell r="D814" t="str">
            <v>SQL Server7.0 徹底入門</v>
          </cell>
          <cell r="E814">
            <v>3800</v>
          </cell>
          <cell r="F814" t="str">
            <v>742-2</v>
          </cell>
          <cell r="G814">
            <v>21</v>
          </cell>
          <cell r="J814">
            <v>112000</v>
          </cell>
          <cell r="K814" t="str">
            <v>B</v>
          </cell>
          <cell r="N814">
            <v>11</v>
          </cell>
          <cell r="O814">
            <v>1</v>
          </cell>
        </row>
        <row r="815">
          <cell r="C815">
            <v>57440</v>
          </cell>
          <cell r="D815" t="str">
            <v>楽々PoctureIt!99カラーガイド</v>
          </cell>
          <cell r="E815">
            <v>2200</v>
          </cell>
          <cell r="F815" t="str">
            <v>744-6</v>
          </cell>
          <cell r="G815">
            <v>33</v>
          </cell>
          <cell r="J815">
            <v>112010</v>
          </cell>
          <cell r="K815" t="str">
            <v>C</v>
          </cell>
          <cell r="O815">
            <v>1</v>
          </cell>
        </row>
        <row r="816">
          <cell r="C816">
            <v>57450</v>
          </cell>
          <cell r="D816" t="str">
            <v>ケンジントン・ダイエット</v>
          </cell>
          <cell r="E816">
            <v>1500</v>
          </cell>
          <cell r="F816" t="str">
            <v>745-3</v>
          </cell>
          <cell r="G816">
            <v>33</v>
          </cell>
          <cell r="J816">
            <v>112020</v>
          </cell>
          <cell r="K816" t="str">
            <v>C</v>
          </cell>
          <cell r="N816">
            <v>11</v>
          </cell>
          <cell r="O816">
            <v>1</v>
          </cell>
        </row>
        <row r="817">
          <cell r="C817">
            <v>57460</v>
          </cell>
          <cell r="D817" t="str">
            <v>暗号化によるセキュリティ対策ガイド</v>
          </cell>
          <cell r="E817">
            <v>4500</v>
          </cell>
          <cell r="F817" t="str">
            <v>746-0</v>
          </cell>
          <cell r="G817">
            <v>33</v>
          </cell>
          <cell r="J817">
            <v>112060</v>
          </cell>
          <cell r="K817" t="str">
            <v>B</v>
          </cell>
          <cell r="N817">
            <v>11</v>
          </cell>
          <cell r="O817">
            <v>1</v>
          </cell>
        </row>
        <row r="818">
          <cell r="C818">
            <v>57470</v>
          </cell>
          <cell r="D818" t="str">
            <v>Adobe AffterEffects SUPER GUIDE</v>
          </cell>
          <cell r="E818">
            <v>4500</v>
          </cell>
          <cell r="F818" t="str">
            <v>747-7</v>
          </cell>
          <cell r="G818">
            <v>33</v>
          </cell>
          <cell r="J818">
            <v>112070</v>
          </cell>
          <cell r="N818">
            <v>21</v>
          </cell>
          <cell r="O818">
            <v>1</v>
          </cell>
        </row>
        <row r="819">
          <cell r="C819">
            <v>57480</v>
          </cell>
          <cell r="D819" t="str">
            <v>独習JAVA</v>
          </cell>
          <cell r="E819">
            <v>3600</v>
          </cell>
          <cell r="F819" t="str">
            <v>748-4</v>
          </cell>
          <cell r="G819">
            <v>33</v>
          </cell>
          <cell r="J819">
            <v>112110</v>
          </cell>
          <cell r="K819" t="str">
            <v>B</v>
          </cell>
          <cell r="N819">
            <v>11</v>
          </cell>
          <cell r="O819">
            <v>2</v>
          </cell>
        </row>
        <row r="820">
          <cell r="C820">
            <v>57490</v>
          </cell>
          <cell r="D820" t="str">
            <v>構造詳解Windows98レジストリ</v>
          </cell>
          <cell r="E820">
            <v>3800</v>
          </cell>
          <cell r="F820" t="str">
            <v>749-1</v>
          </cell>
          <cell r="G820">
            <v>33</v>
          </cell>
          <cell r="J820">
            <v>112130</v>
          </cell>
          <cell r="K820" t="str">
            <v>B</v>
          </cell>
          <cell r="N820">
            <v>11</v>
          </cell>
          <cell r="O820">
            <v>1</v>
          </cell>
        </row>
        <row r="821">
          <cell r="C821">
            <v>57500</v>
          </cell>
          <cell r="D821" t="str">
            <v>Hop!Step!Linux</v>
          </cell>
          <cell r="E821">
            <v>1900</v>
          </cell>
          <cell r="F821" t="str">
            <v>750-7</v>
          </cell>
          <cell r="G821">
            <v>33</v>
          </cell>
          <cell r="J821">
            <v>112140</v>
          </cell>
          <cell r="K821" t="str">
            <v>A</v>
          </cell>
          <cell r="N821">
            <v>11</v>
          </cell>
          <cell r="O821">
            <v>2</v>
          </cell>
        </row>
        <row r="822">
          <cell r="C822">
            <v>57510</v>
          </cell>
          <cell r="D822" t="str">
            <v>エラーメッセージはこう対処すれば怖くない</v>
          </cell>
          <cell r="E822">
            <v>1500</v>
          </cell>
          <cell r="F822" t="str">
            <v>751-4</v>
          </cell>
          <cell r="G822">
            <v>33</v>
          </cell>
          <cell r="J822">
            <v>112250</v>
          </cell>
          <cell r="K822" t="str">
            <v>B</v>
          </cell>
          <cell r="L822" t="str">
            <v>A</v>
          </cell>
          <cell r="N822">
            <v>11</v>
          </cell>
          <cell r="O822">
            <v>1</v>
          </cell>
        </row>
        <row r="823">
          <cell r="C823">
            <v>57520</v>
          </cell>
          <cell r="D823" t="str">
            <v>I BOOK iMacユーザーのためのトラブルFAQ</v>
          </cell>
          <cell r="E823">
            <v>1900</v>
          </cell>
          <cell r="F823" t="str">
            <v>752-1</v>
          </cell>
          <cell r="G823">
            <v>33</v>
          </cell>
          <cell r="J823">
            <v>112350</v>
          </cell>
          <cell r="K823" t="str">
            <v>B</v>
          </cell>
          <cell r="O823">
            <v>1</v>
          </cell>
        </row>
        <row r="824">
          <cell r="C824">
            <v>57530</v>
          </cell>
          <cell r="D824" t="str">
            <v>スタイルシート辞典 最新</v>
          </cell>
          <cell r="E824">
            <v>1800</v>
          </cell>
          <cell r="F824" t="str">
            <v>753-8</v>
          </cell>
          <cell r="G824">
            <v>33</v>
          </cell>
          <cell r="J824">
            <v>112360</v>
          </cell>
          <cell r="K824" t="str">
            <v>B</v>
          </cell>
          <cell r="O824">
            <v>1</v>
          </cell>
        </row>
        <row r="825">
          <cell r="C825">
            <v>57540</v>
          </cell>
          <cell r="D825" t="str">
            <v>VisualBasicプログラマのためのCOM入門</v>
          </cell>
          <cell r="E825">
            <v>2400</v>
          </cell>
          <cell r="F825" t="str">
            <v>754-5</v>
          </cell>
          <cell r="G825">
            <v>33</v>
          </cell>
          <cell r="J825">
            <v>112380</v>
          </cell>
          <cell r="K825" t="str">
            <v>B</v>
          </cell>
          <cell r="N825">
            <v>11</v>
          </cell>
          <cell r="O825">
            <v>1</v>
          </cell>
        </row>
        <row r="826">
          <cell r="C826">
            <v>57550</v>
          </cell>
          <cell r="D826" t="str">
            <v>VisualC++プログラマのためのCOM入門</v>
          </cell>
          <cell r="E826">
            <v>2600</v>
          </cell>
          <cell r="F826" t="str">
            <v>755-2</v>
          </cell>
          <cell r="G826">
            <v>11</v>
          </cell>
          <cell r="J826">
            <v>112390</v>
          </cell>
          <cell r="N826">
            <v>11</v>
          </cell>
          <cell r="O826">
            <v>1</v>
          </cell>
        </row>
        <row r="827">
          <cell r="C827">
            <v>57560</v>
          </cell>
          <cell r="D827" t="str">
            <v>ADSI ASPプログラミング</v>
          </cell>
          <cell r="E827">
            <v>3200</v>
          </cell>
          <cell r="F827" t="str">
            <v>756-9</v>
          </cell>
          <cell r="G827">
            <v>11</v>
          </cell>
          <cell r="J827">
            <v>112400</v>
          </cell>
          <cell r="N827">
            <v>11</v>
          </cell>
          <cell r="O827">
            <v>1</v>
          </cell>
        </row>
        <row r="828">
          <cell r="C828">
            <v>57570</v>
          </cell>
          <cell r="D828" t="str">
            <v>誰も教えてくれなかったWindowsとファイルの話 ファイルの達人総合編</v>
          </cell>
          <cell r="E828">
            <v>1600</v>
          </cell>
          <cell r="F828" t="str">
            <v>757-6</v>
          </cell>
          <cell r="G828">
            <v>33</v>
          </cell>
          <cell r="J828">
            <v>112580</v>
          </cell>
          <cell r="K828" t="str">
            <v>B</v>
          </cell>
          <cell r="O828">
            <v>1</v>
          </cell>
        </row>
        <row r="829">
          <cell r="C829">
            <v>57580</v>
          </cell>
          <cell r="D829" t="str">
            <v>MCSE教科書 Windows98</v>
          </cell>
          <cell r="E829">
            <v>3800</v>
          </cell>
          <cell r="F829" t="str">
            <v>758-3</v>
          </cell>
          <cell r="G829">
            <v>33</v>
          </cell>
          <cell r="J829">
            <v>112590</v>
          </cell>
          <cell r="K829" t="str">
            <v>B</v>
          </cell>
          <cell r="O829">
            <v>1</v>
          </cell>
        </row>
        <row r="830">
          <cell r="C830">
            <v>57590</v>
          </cell>
          <cell r="D830" t="str">
            <v>かんたんUML</v>
          </cell>
          <cell r="E830">
            <v>1980</v>
          </cell>
          <cell r="F830" t="str">
            <v>759-0</v>
          </cell>
          <cell r="G830">
            <v>33</v>
          </cell>
          <cell r="J830">
            <v>112660</v>
          </cell>
          <cell r="K830" t="str">
            <v>B</v>
          </cell>
          <cell r="O830">
            <v>1</v>
          </cell>
        </row>
        <row r="831">
          <cell r="C831">
            <v>57600</v>
          </cell>
          <cell r="D831" t="str">
            <v>10日でおぼえる Excel関数＆マクロ入門教室97/2000</v>
          </cell>
          <cell r="E831">
            <v>2800</v>
          </cell>
          <cell r="F831" t="str">
            <v>760-6</v>
          </cell>
          <cell r="G831">
            <v>33</v>
          </cell>
          <cell r="J831">
            <v>112770</v>
          </cell>
          <cell r="K831" t="str">
            <v>B</v>
          </cell>
          <cell r="L831" t="str">
            <v>A</v>
          </cell>
          <cell r="O831">
            <v>1</v>
          </cell>
        </row>
        <row r="832">
          <cell r="C832">
            <v>57610</v>
          </cell>
          <cell r="D832" t="str">
            <v>HTMLデザイン辞典</v>
          </cell>
          <cell r="E832">
            <v>1680</v>
          </cell>
          <cell r="F832" t="str">
            <v>761-3</v>
          </cell>
          <cell r="G832">
            <v>33</v>
          </cell>
          <cell r="J832">
            <v>311930</v>
          </cell>
          <cell r="N832">
            <v>21</v>
          </cell>
          <cell r="O832">
            <v>1</v>
          </cell>
        </row>
        <row r="833">
          <cell r="C833">
            <v>57620</v>
          </cell>
          <cell r="D833" t="str">
            <v>はじめる インターネットOutlookExpress+IE5.0</v>
          </cell>
          <cell r="E833">
            <v>1500</v>
          </cell>
          <cell r="F833" t="str">
            <v>762-0</v>
          </cell>
          <cell r="G833">
            <v>33</v>
          </cell>
          <cell r="J833">
            <v>112160</v>
          </cell>
          <cell r="K833" t="str">
            <v>B</v>
          </cell>
          <cell r="N833">
            <v>11</v>
          </cell>
          <cell r="O833">
            <v>1</v>
          </cell>
        </row>
        <row r="834">
          <cell r="C834">
            <v>57630</v>
          </cell>
          <cell r="D834" t="str">
            <v>パソコン拡張/増設トラブルFAQ</v>
          </cell>
          <cell r="E834">
            <v>1900</v>
          </cell>
          <cell r="F834" t="str">
            <v>763-7</v>
          </cell>
          <cell r="G834">
            <v>33</v>
          </cell>
          <cell r="J834">
            <v>112150</v>
          </cell>
          <cell r="K834" t="str">
            <v>B</v>
          </cell>
          <cell r="N834">
            <v>11</v>
          </cell>
          <cell r="O834">
            <v>1</v>
          </cell>
        </row>
        <row r="835">
          <cell r="C835">
            <v>57640</v>
          </cell>
          <cell r="D835" t="str">
            <v>終末思想に夢中な人たち</v>
          </cell>
          <cell r="E835">
            <v>2200</v>
          </cell>
          <cell r="F835" t="str">
            <v>764-4</v>
          </cell>
          <cell r="G835">
            <v>33</v>
          </cell>
          <cell r="J835">
            <v>110180</v>
          </cell>
          <cell r="N835">
            <v>21</v>
          </cell>
          <cell r="O835">
            <v>0</v>
          </cell>
        </row>
        <row r="836">
          <cell r="C836">
            <v>57650</v>
          </cell>
          <cell r="D836" t="str">
            <v>Oracle8 トラブルシューティング</v>
          </cell>
          <cell r="E836">
            <v>4800</v>
          </cell>
          <cell r="F836" t="str">
            <v>765-1</v>
          </cell>
          <cell r="G836">
            <v>33</v>
          </cell>
          <cell r="J836">
            <v>112100</v>
          </cell>
          <cell r="K836" t="str">
            <v>B</v>
          </cell>
          <cell r="N836">
            <v>11</v>
          </cell>
          <cell r="O836">
            <v>1</v>
          </cell>
        </row>
        <row r="837">
          <cell r="C837">
            <v>57660</v>
          </cell>
          <cell r="D837" t="str">
            <v>CGI基礎講座</v>
          </cell>
          <cell r="E837">
            <v>2800</v>
          </cell>
          <cell r="F837" t="str">
            <v>766-8</v>
          </cell>
          <cell r="G837">
            <v>11</v>
          </cell>
          <cell r="J837">
            <v>112510</v>
          </cell>
          <cell r="K837" t="str">
            <v>B</v>
          </cell>
          <cell r="N837">
            <v>11</v>
          </cell>
          <cell r="O837">
            <v>2</v>
          </cell>
        </row>
        <row r="838">
          <cell r="C838">
            <v>57670</v>
          </cell>
          <cell r="D838" t="str">
            <v>AutoCAD LTヘルプデスク</v>
          </cell>
          <cell r="E838">
            <v>3200</v>
          </cell>
          <cell r="F838" t="str">
            <v>767-5</v>
          </cell>
          <cell r="G838">
            <v>33</v>
          </cell>
          <cell r="J838">
            <v>111490</v>
          </cell>
          <cell r="N838">
            <v>11</v>
          </cell>
          <cell r="O838">
            <v>1</v>
          </cell>
        </row>
        <row r="839">
          <cell r="C839">
            <v>57680</v>
          </cell>
          <cell r="D839" t="str">
            <v>ネットビジネス戦略入門</v>
          </cell>
          <cell r="E839">
            <v>2200</v>
          </cell>
          <cell r="F839" t="str">
            <v>768-2</v>
          </cell>
          <cell r="G839">
            <v>33</v>
          </cell>
          <cell r="J839">
            <v>112120</v>
          </cell>
          <cell r="K839" t="str">
            <v>A</v>
          </cell>
          <cell r="L839" t="str">
            <v>C</v>
          </cell>
          <cell r="M839" t="str">
            <v>●</v>
          </cell>
          <cell r="N839">
            <v>11</v>
          </cell>
          <cell r="O839">
            <v>2</v>
          </cell>
        </row>
        <row r="840">
          <cell r="C840">
            <v>57690</v>
          </cell>
          <cell r="D840" t="str">
            <v>LEGO MindStormsパーフェクトガイド</v>
          </cell>
          <cell r="E840">
            <v>1980</v>
          </cell>
          <cell r="F840" t="str">
            <v>769-9</v>
          </cell>
          <cell r="G840">
            <v>33</v>
          </cell>
          <cell r="J840">
            <v>111390</v>
          </cell>
          <cell r="K840" t="str">
            <v>A</v>
          </cell>
          <cell r="L840" t="str">
            <v>C</v>
          </cell>
          <cell r="M840" t="str">
            <v>●</v>
          </cell>
          <cell r="N840">
            <v>11</v>
          </cell>
          <cell r="O840">
            <v>2</v>
          </cell>
        </row>
        <row r="841">
          <cell r="C841">
            <v>57700</v>
          </cell>
          <cell r="D841" t="str">
            <v>WindowsＮＴレジストリパーフェクトガイド</v>
          </cell>
          <cell r="E841">
            <v>7800</v>
          </cell>
          <cell r="F841" t="str">
            <v>770-5</v>
          </cell>
          <cell r="G841">
            <v>33</v>
          </cell>
          <cell r="J841">
            <v>112410</v>
          </cell>
          <cell r="N841">
            <v>11</v>
          </cell>
          <cell r="O841">
            <v>1</v>
          </cell>
        </row>
        <row r="842">
          <cell r="C842">
            <v>57710</v>
          </cell>
          <cell r="D842" t="str">
            <v>VisualC++プログラマのためのWin32API活用法</v>
          </cell>
          <cell r="E842">
            <v>2800</v>
          </cell>
          <cell r="F842" t="str">
            <v>771-2</v>
          </cell>
          <cell r="G842">
            <v>33</v>
          </cell>
          <cell r="J842">
            <v>112260</v>
          </cell>
          <cell r="K842" t="str">
            <v>B</v>
          </cell>
          <cell r="N842">
            <v>11</v>
          </cell>
          <cell r="O842">
            <v>1</v>
          </cell>
        </row>
        <row r="843">
          <cell r="C843">
            <v>57720</v>
          </cell>
          <cell r="D843" t="str">
            <v>はじめる Excel2000</v>
          </cell>
          <cell r="E843">
            <v>1400</v>
          </cell>
          <cell r="F843" t="str">
            <v>772-9</v>
          </cell>
          <cell r="G843">
            <v>33</v>
          </cell>
          <cell r="J843">
            <v>112500</v>
          </cell>
          <cell r="K843" t="str">
            <v>A</v>
          </cell>
          <cell r="N843">
            <v>11</v>
          </cell>
          <cell r="O843">
            <v>2</v>
          </cell>
        </row>
        <row r="844">
          <cell r="C844">
            <v>57730</v>
          </cell>
          <cell r="D844" t="str">
            <v>はじめる Access2000</v>
          </cell>
          <cell r="E844">
            <v>1600</v>
          </cell>
          <cell r="F844" t="str">
            <v>773-6</v>
          </cell>
          <cell r="G844">
            <v>33</v>
          </cell>
          <cell r="J844">
            <v>112330</v>
          </cell>
          <cell r="K844" t="str">
            <v>A</v>
          </cell>
          <cell r="N844">
            <v>11</v>
          </cell>
          <cell r="O844">
            <v>2</v>
          </cell>
        </row>
        <row r="845">
          <cell r="C845">
            <v>57740</v>
          </cell>
          <cell r="D845" t="str">
            <v>はじめる Word2000</v>
          </cell>
          <cell r="E845">
            <v>1400</v>
          </cell>
          <cell r="F845" t="str">
            <v>774-3</v>
          </cell>
          <cell r="G845">
            <v>33</v>
          </cell>
          <cell r="J845">
            <v>112340</v>
          </cell>
          <cell r="K845" t="str">
            <v>A</v>
          </cell>
          <cell r="N845">
            <v>11</v>
          </cell>
          <cell r="O845">
            <v>1</v>
          </cell>
        </row>
        <row r="846">
          <cell r="C846">
            <v>57750</v>
          </cell>
          <cell r="D846" t="str">
            <v>GTK+によるLinuxアプリケーション開発</v>
          </cell>
          <cell r="E846">
            <v>3400</v>
          </cell>
          <cell r="F846" t="str">
            <v>775-0</v>
          </cell>
          <cell r="G846">
            <v>33</v>
          </cell>
          <cell r="J846">
            <v>112310</v>
          </cell>
          <cell r="K846" t="str">
            <v>C</v>
          </cell>
          <cell r="N846">
            <v>11</v>
          </cell>
          <cell r="O846">
            <v>1</v>
          </cell>
        </row>
        <row r="847">
          <cell r="C847">
            <v>57760</v>
          </cell>
          <cell r="D847" t="str">
            <v>ジャック・マイヨール海の人々からの遺産</v>
          </cell>
          <cell r="E847">
            <v>1800</v>
          </cell>
          <cell r="F847" t="str">
            <v>776-7</v>
          </cell>
          <cell r="G847">
            <v>11</v>
          </cell>
          <cell r="J847">
            <v>112320</v>
          </cell>
          <cell r="K847" t="str">
            <v>C</v>
          </cell>
          <cell r="N847">
            <v>11</v>
          </cell>
          <cell r="O847">
            <v>1</v>
          </cell>
        </row>
        <row r="848">
          <cell r="C848">
            <v>57770</v>
          </cell>
          <cell r="D848" t="str">
            <v>挑戦者たち</v>
          </cell>
          <cell r="E848">
            <v>2200</v>
          </cell>
          <cell r="F848" t="str">
            <v>777-4</v>
          </cell>
          <cell r="G848">
            <v>33</v>
          </cell>
          <cell r="J848">
            <v>112490</v>
          </cell>
          <cell r="K848" t="str">
            <v>A</v>
          </cell>
          <cell r="N848">
            <v>21</v>
          </cell>
          <cell r="O848">
            <v>2</v>
          </cell>
        </row>
        <row r="849">
          <cell r="C849">
            <v>57780</v>
          </cell>
          <cell r="D849" t="str">
            <v>STL標準講座</v>
          </cell>
          <cell r="E849">
            <v>3800</v>
          </cell>
          <cell r="F849" t="str">
            <v>778-1</v>
          </cell>
          <cell r="G849">
            <v>11</v>
          </cell>
          <cell r="J849">
            <v>112090</v>
          </cell>
          <cell r="K849" t="str">
            <v>B</v>
          </cell>
          <cell r="N849">
            <v>11</v>
          </cell>
          <cell r="O849">
            <v>1</v>
          </cell>
        </row>
        <row r="850">
          <cell r="C850">
            <v>57790</v>
          </cell>
          <cell r="D850" t="str">
            <v>VB COM</v>
          </cell>
          <cell r="E850">
            <v>3800</v>
          </cell>
          <cell r="F850" t="str">
            <v>779-8</v>
          </cell>
          <cell r="G850">
            <v>33</v>
          </cell>
          <cell r="J850">
            <v>109890</v>
          </cell>
          <cell r="K850" t="str">
            <v>C</v>
          </cell>
          <cell r="N850">
            <v>11</v>
          </cell>
          <cell r="O850">
            <v>1</v>
          </cell>
        </row>
        <row r="851">
          <cell r="C851">
            <v>57800</v>
          </cell>
          <cell r="D851" t="str">
            <v>Linux プログラマーズ辞典</v>
          </cell>
          <cell r="E851">
            <v>2600</v>
          </cell>
          <cell r="F851" t="str">
            <v>780-4</v>
          </cell>
          <cell r="G851">
            <v>33</v>
          </cell>
          <cell r="J851">
            <v>112680</v>
          </cell>
          <cell r="K851" t="str">
            <v>C</v>
          </cell>
          <cell r="N851">
            <v>11</v>
          </cell>
          <cell r="O851">
            <v>1</v>
          </cell>
        </row>
        <row r="852">
          <cell r="C852">
            <v>57810</v>
          </cell>
          <cell r="D852" t="str">
            <v>小さな国の大いなる知恵</v>
          </cell>
          <cell r="E852">
            <v>1900</v>
          </cell>
          <cell r="F852" t="str">
            <v>781-1</v>
          </cell>
          <cell r="G852">
            <v>11</v>
          </cell>
          <cell r="J852">
            <v>112200</v>
          </cell>
          <cell r="K852" t="str">
            <v>B</v>
          </cell>
          <cell r="M852" t="str">
            <v>●</v>
          </cell>
          <cell r="N852">
            <v>11</v>
          </cell>
          <cell r="O852">
            <v>2</v>
          </cell>
        </row>
        <row r="853">
          <cell r="C853">
            <v>57820</v>
          </cell>
          <cell r="D853" t="str">
            <v>NetBSD/mac68k徹底活用</v>
          </cell>
          <cell r="E853">
            <v>2800</v>
          </cell>
          <cell r="F853" t="str">
            <v>782-8</v>
          </cell>
          <cell r="G853">
            <v>33</v>
          </cell>
          <cell r="J853">
            <v>112180</v>
          </cell>
          <cell r="K853" t="str">
            <v>B</v>
          </cell>
          <cell r="N853">
            <v>11</v>
          </cell>
          <cell r="O853">
            <v>1</v>
          </cell>
        </row>
        <row r="854">
          <cell r="C854">
            <v>57830</v>
          </cell>
          <cell r="D854" t="str">
            <v>パソコンではじめるインターネット株式投資完全入門講座</v>
          </cell>
          <cell r="E854">
            <v>1500</v>
          </cell>
          <cell r="F854" t="str">
            <v>783-5</v>
          </cell>
          <cell r="G854">
            <v>33</v>
          </cell>
          <cell r="J854">
            <v>112530</v>
          </cell>
          <cell r="K854" t="str">
            <v>A</v>
          </cell>
          <cell r="M854" t="str">
            <v>●</v>
          </cell>
          <cell r="N854">
            <v>11</v>
          </cell>
          <cell r="O854">
            <v>2</v>
          </cell>
        </row>
        <row r="855">
          <cell r="C855">
            <v>57840</v>
          </cell>
          <cell r="D855" t="str">
            <v>SQL Server7.0 ビギナーズガイド</v>
          </cell>
          <cell r="E855">
            <v>4200</v>
          </cell>
          <cell r="F855" t="str">
            <v>784-2</v>
          </cell>
          <cell r="G855">
            <v>33</v>
          </cell>
          <cell r="J855">
            <v>112370</v>
          </cell>
          <cell r="K855" t="str">
            <v>A</v>
          </cell>
          <cell r="N855">
            <v>11</v>
          </cell>
          <cell r="O855">
            <v>2</v>
          </cell>
        </row>
        <row r="856">
          <cell r="C856">
            <v>57850</v>
          </cell>
          <cell r="D856" t="str">
            <v>SQL Server7.0 デベロッパーズガイド</v>
          </cell>
          <cell r="E856">
            <v>5800</v>
          </cell>
          <cell r="F856" t="str">
            <v>785-9</v>
          </cell>
          <cell r="G856">
            <v>33</v>
          </cell>
          <cell r="J856">
            <v>112790</v>
          </cell>
          <cell r="K856" t="str">
            <v>B</v>
          </cell>
          <cell r="N856">
            <v>11</v>
          </cell>
          <cell r="O856">
            <v>3</v>
          </cell>
        </row>
        <row r="857">
          <cell r="C857">
            <v>57860</v>
          </cell>
          <cell r="D857" t="str">
            <v>リアルエイジ</v>
          </cell>
          <cell r="E857">
            <v>1600</v>
          </cell>
          <cell r="F857" t="str">
            <v>786-6</v>
          </cell>
          <cell r="G857">
            <v>11</v>
          </cell>
          <cell r="J857">
            <v>111920</v>
          </cell>
          <cell r="K857" t="str">
            <v>B</v>
          </cell>
          <cell r="N857">
            <v>11</v>
          </cell>
          <cell r="O857">
            <v>1</v>
          </cell>
        </row>
        <row r="858">
          <cell r="C858">
            <v>57870</v>
          </cell>
          <cell r="D858" t="str">
            <v>太陽と風の航海誌</v>
          </cell>
          <cell r="E858">
            <v>1900</v>
          </cell>
          <cell r="F858" t="str">
            <v>787-3</v>
          </cell>
          <cell r="G858">
            <v>33</v>
          </cell>
          <cell r="J858">
            <v>112190</v>
          </cell>
          <cell r="K858" t="str">
            <v>B</v>
          </cell>
          <cell r="N858">
            <v>11</v>
          </cell>
          <cell r="O858">
            <v>2</v>
          </cell>
        </row>
        <row r="859">
          <cell r="C859">
            <v>57880</v>
          </cell>
          <cell r="D859" t="str">
            <v>巨人の肩に乗って</v>
          </cell>
          <cell r="E859">
            <v>2200</v>
          </cell>
          <cell r="F859" t="str">
            <v>788-0</v>
          </cell>
          <cell r="G859">
            <v>21</v>
          </cell>
          <cell r="J859">
            <v>112560</v>
          </cell>
          <cell r="K859" t="str">
            <v>B</v>
          </cell>
          <cell r="N859">
            <v>11</v>
          </cell>
          <cell r="O859">
            <v>1</v>
          </cell>
        </row>
        <row r="860">
          <cell r="C860">
            <v>57890</v>
          </cell>
          <cell r="D860" t="str">
            <v>10日でおぼえる Word VBA入門教室</v>
          </cell>
          <cell r="E860">
            <v>3200</v>
          </cell>
          <cell r="F860" t="str">
            <v>789-7</v>
          </cell>
          <cell r="G860">
            <v>33</v>
          </cell>
          <cell r="J860">
            <v>111300</v>
          </cell>
          <cell r="K860" t="str">
            <v>C</v>
          </cell>
          <cell r="N860">
            <v>11</v>
          </cell>
          <cell r="O860">
            <v>1</v>
          </cell>
        </row>
        <row r="861">
          <cell r="C861">
            <v>57900</v>
          </cell>
          <cell r="D861" t="str">
            <v>ダニエル・アップルマンのWin32APIパズルブック</v>
          </cell>
          <cell r="E861">
            <v>4800</v>
          </cell>
          <cell r="F861" t="str">
            <v>790-3</v>
          </cell>
          <cell r="G861">
            <v>33</v>
          </cell>
          <cell r="J861">
            <v>113020</v>
          </cell>
          <cell r="K861" t="str">
            <v>B</v>
          </cell>
          <cell r="N861">
            <v>11</v>
          </cell>
          <cell r="O861">
            <v>1</v>
          </cell>
        </row>
        <row r="862">
          <cell r="C862">
            <v>57910</v>
          </cell>
          <cell r="D862" t="str">
            <v>MCSE教科書 Networking Essentials 改訂版</v>
          </cell>
          <cell r="E862">
            <v>3800</v>
          </cell>
          <cell r="F862" t="str">
            <v>791-0</v>
          </cell>
          <cell r="G862">
            <v>33</v>
          </cell>
          <cell r="J862">
            <v>112760</v>
          </cell>
          <cell r="N862">
            <v>11</v>
          </cell>
          <cell r="O862">
            <v>1</v>
          </cell>
        </row>
        <row r="863">
          <cell r="C863">
            <v>57920</v>
          </cell>
          <cell r="D863" t="str">
            <v>MCSE教科書 NT Server4.0in the Enterprise 改訂版</v>
          </cell>
          <cell r="E863">
            <v>3800</v>
          </cell>
          <cell r="F863" t="str">
            <v>792-7</v>
          </cell>
          <cell r="G863">
            <v>33</v>
          </cell>
          <cell r="J863">
            <v>111600</v>
          </cell>
          <cell r="K863" t="str">
            <v>B</v>
          </cell>
          <cell r="N863">
            <v>11</v>
          </cell>
          <cell r="O863">
            <v>1</v>
          </cell>
        </row>
        <row r="864">
          <cell r="C864">
            <v>57930</v>
          </cell>
          <cell r="D864" t="str">
            <v>MCSE教科書 Windows NT Workstation4.0 改訂版</v>
          </cell>
          <cell r="E864">
            <v>3800</v>
          </cell>
          <cell r="F864" t="str">
            <v>793-4</v>
          </cell>
          <cell r="G864">
            <v>33</v>
          </cell>
          <cell r="J864">
            <v>112030</v>
          </cell>
          <cell r="K864" t="str">
            <v>A</v>
          </cell>
          <cell r="N864">
            <v>11</v>
          </cell>
          <cell r="O864">
            <v>2</v>
          </cell>
        </row>
        <row r="865">
          <cell r="C865">
            <v>57940</v>
          </cell>
          <cell r="D865" t="str">
            <v>MCSE教科書 Windows NT Server4.0 改訂版</v>
          </cell>
          <cell r="E865">
            <v>3800</v>
          </cell>
          <cell r="F865" t="str">
            <v>794-1</v>
          </cell>
          <cell r="G865">
            <v>33</v>
          </cell>
          <cell r="J865">
            <v>111110</v>
          </cell>
          <cell r="K865" t="str">
            <v>C</v>
          </cell>
          <cell r="N865">
            <v>11</v>
          </cell>
          <cell r="O865">
            <v>1</v>
          </cell>
        </row>
        <row r="866">
          <cell r="C866">
            <v>57950</v>
          </cell>
          <cell r="D866" t="str">
            <v>VisualBasic6.0によるデータベースプログラミング</v>
          </cell>
          <cell r="E866">
            <v>6300</v>
          </cell>
          <cell r="F866" t="str">
            <v>795-8</v>
          </cell>
          <cell r="G866">
            <v>33</v>
          </cell>
          <cell r="J866">
            <v>110790</v>
          </cell>
          <cell r="K866" t="str">
            <v>新</v>
          </cell>
          <cell r="N866">
            <v>11</v>
          </cell>
          <cell r="O866">
            <v>1</v>
          </cell>
        </row>
        <row r="867">
          <cell r="C867">
            <v>57960</v>
          </cell>
          <cell r="D867" t="str">
            <v>コロンブスが持ち帰った病気</v>
          </cell>
          <cell r="E867">
            <v>2300</v>
          </cell>
          <cell r="F867" t="str">
            <v>796-5</v>
          </cell>
          <cell r="G867">
            <v>33</v>
          </cell>
          <cell r="J867">
            <v>112900</v>
          </cell>
          <cell r="K867" t="str">
            <v>C</v>
          </cell>
          <cell r="N867">
            <v>11</v>
          </cell>
          <cell r="O867">
            <v>1</v>
          </cell>
        </row>
        <row r="868">
          <cell r="C868">
            <v>57970</v>
          </cell>
          <cell r="D868" t="str">
            <v>10日でおぼえる Excel VBA入門教室 2000対応</v>
          </cell>
          <cell r="E868">
            <v>2800</v>
          </cell>
          <cell r="F868" t="str">
            <v>797-2</v>
          </cell>
          <cell r="G868">
            <v>33</v>
          </cell>
          <cell r="J868">
            <v>111970</v>
          </cell>
          <cell r="K868" t="str">
            <v>B</v>
          </cell>
          <cell r="N868">
            <v>11</v>
          </cell>
          <cell r="O868">
            <v>1</v>
          </cell>
        </row>
        <row r="869">
          <cell r="C869">
            <v>57980</v>
          </cell>
          <cell r="D869" t="str">
            <v>独習UNIX</v>
          </cell>
          <cell r="E869">
            <v>3200</v>
          </cell>
          <cell r="F869" t="str">
            <v>798-9</v>
          </cell>
          <cell r="G869">
            <v>33</v>
          </cell>
          <cell r="J869">
            <v>112480</v>
          </cell>
          <cell r="K869" t="str">
            <v>B</v>
          </cell>
          <cell r="N869">
            <v>11</v>
          </cell>
          <cell r="O869">
            <v>1</v>
          </cell>
        </row>
        <row r="870">
          <cell r="C870">
            <v>57990</v>
          </cell>
          <cell r="D870" t="str">
            <v>UNIXプログラミングツール</v>
          </cell>
          <cell r="E870">
            <v>2800</v>
          </cell>
          <cell r="F870" t="str">
            <v>799-6</v>
          </cell>
          <cell r="G870">
            <v>33</v>
          </cell>
          <cell r="J870">
            <v>112240</v>
          </cell>
          <cell r="K870" t="str">
            <v>新</v>
          </cell>
          <cell r="N870">
            <v>11</v>
          </cell>
          <cell r="O870">
            <v>1</v>
          </cell>
        </row>
        <row r="871">
          <cell r="C871">
            <v>58000</v>
          </cell>
          <cell r="D871" t="str">
            <v>PC-UNIXサーバのためのクラッカー撃退計画</v>
          </cell>
          <cell r="E871">
            <v>2800</v>
          </cell>
          <cell r="F871" t="str">
            <v>800-9</v>
          </cell>
          <cell r="G871">
            <v>33</v>
          </cell>
          <cell r="J871">
            <v>112220</v>
          </cell>
          <cell r="K871" t="str">
            <v>A</v>
          </cell>
          <cell r="N871">
            <v>11</v>
          </cell>
          <cell r="O871">
            <v>1</v>
          </cell>
        </row>
        <row r="872">
          <cell r="C872">
            <v>58010</v>
          </cell>
          <cell r="D872" t="str">
            <v>VBプログラマのためのUML</v>
          </cell>
          <cell r="E872">
            <v>3800</v>
          </cell>
          <cell r="F872" t="str">
            <v>801-6</v>
          </cell>
          <cell r="G872">
            <v>33</v>
          </cell>
          <cell r="J872">
            <v>104430</v>
          </cell>
          <cell r="K872" t="str">
            <v>新</v>
          </cell>
          <cell r="N872">
            <v>11</v>
          </cell>
          <cell r="O872">
            <v>1</v>
          </cell>
        </row>
        <row r="873">
          <cell r="C873">
            <v>58020</v>
          </cell>
          <cell r="D873" t="str">
            <v>えぴすてーめーのオブジェクト指向的日常</v>
          </cell>
          <cell r="E873">
            <v>2800</v>
          </cell>
          <cell r="F873" t="str">
            <v>802-3</v>
          </cell>
          <cell r="G873">
            <v>33</v>
          </cell>
          <cell r="J873">
            <v>112540</v>
          </cell>
          <cell r="K873" t="str">
            <v>新</v>
          </cell>
          <cell r="N873">
            <v>11</v>
          </cell>
          <cell r="O873">
            <v>1</v>
          </cell>
        </row>
        <row r="874">
          <cell r="C874">
            <v>58030</v>
          </cell>
          <cell r="D874" t="str">
            <v>オフィスで使うPDF+AdobeAcrobat4.0</v>
          </cell>
          <cell r="E874">
            <v>2200</v>
          </cell>
          <cell r="F874" t="str">
            <v>803-0</v>
          </cell>
          <cell r="G874">
            <v>33</v>
          </cell>
          <cell r="J874">
            <v>113410</v>
          </cell>
          <cell r="K874" t="str">
            <v>新</v>
          </cell>
          <cell r="N874">
            <v>11</v>
          </cell>
          <cell r="O874">
            <v>2</v>
          </cell>
        </row>
        <row r="875">
          <cell r="C875">
            <v>58040</v>
          </cell>
          <cell r="D875" t="str">
            <v>サイエンス21</v>
          </cell>
          <cell r="E875">
            <v>2500</v>
          </cell>
          <cell r="F875" t="str">
            <v>804-7</v>
          </cell>
          <cell r="G875">
            <v>11</v>
          </cell>
          <cell r="J875">
            <v>112290</v>
          </cell>
          <cell r="K875" t="str">
            <v>新</v>
          </cell>
          <cell r="N875">
            <v>11</v>
          </cell>
          <cell r="O875">
            <v>2</v>
          </cell>
        </row>
        <row r="876">
          <cell r="C876">
            <v>58050</v>
          </cell>
          <cell r="D876" t="str">
            <v>パーミション・マーケティング</v>
          </cell>
          <cell r="E876">
            <v>2000</v>
          </cell>
          <cell r="F876" t="str">
            <v>805-4</v>
          </cell>
          <cell r="G876">
            <v>33</v>
          </cell>
          <cell r="J876">
            <v>112700</v>
          </cell>
          <cell r="K876" t="str">
            <v>新</v>
          </cell>
          <cell r="N876">
            <v>11</v>
          </cell>
          <cell r="O876">
            <v>2</v>
          </cell>
        </row>
        <row r="877">
          <cell r="C877">
            <v>58060</v>
          </cell>
          <cell r="D877" t="str">
            <v>サイバーショットで楽しむデジタルシューティングライフ</v>
          </cell>
          <cell r="E877">
            <v>1000</v>
          </cell>
          <cell r="F877" t="str">
            <v>806-1</v>
          </cell>
          <cell r="G877">
            <v>33</v>
          </cell>
          <cell r="J877">
            <v>112740</v>
          </cell>
          <cell r="K877" t="str">
            <v>新</v>
          </cell>
          <cell r="N877">
            <v>11</v>
          </cell>
          <cell r="O877">
            <v>2</v>
          </cell>
        </row>
        <row r="878">
          <cell r="C878">
            <v>58070</v>
          </cell>
          <cell r="D878" t="str">
            <v>Oracle8 for Linuxデータベースサーバ導入計画</v>
          </cell>
          <cell r="E878">
            <v>4500</v>
          </cell>
          <cell r="F878" t="str">
            <v>807-8</v>
          </cell>
          <cell r="G878">
            <v>33</v>
          </cell>
          <cell r="J878">
            <v>112720</v>
          </cell>
          <cell r="K878" t="str">
            <v>新</v>
          </cell>
          <cell r="N878">
            <v>11</v>
          </cell>
          <cell r="O878">
            <v>2</v>
          </cell>
        </row>
        <row r="879">
          <cell r="C879">
            <v>58080</v>
          </cell>
          <cell r="D879" t="str">
            <v>Shadeの達人</v>
          </cell>
          <cell r="E879">
            <v>3800</v>
          </cell>
          <cell r="F879" t="str">
            <v>808-5</v>
          </cell>
          <cell r="G879">
            <v>33</v>
          </cell>
          <cell r="J879">
            <v>112080</v>
          </cell>
          <cell r="K879" t="str">
            <v>新</v>
          </cell>
          <cell r="N879">
            <v>11</v>
          </cell>
          <cell r="O879">
            <v>1</v>
          </cell>
        </row>
        <row r="880">
          <cell r="C880">
            <v>58090</v>
          </cell>
          <cell r="D880" t="str">
            <v>COBOLプログラマのためのVisualBasic入門</v>
          </cell>
          <cell r="E880">
            <v>2400</v>
          </cell>
          <cell r="F880" t="str">
            <v>809-2</v>
          </cell>
          <cell r="G880">
            <v>33</v>
          </cell>
          <cell r="J880">
            <v>113420</v>
          </cell>
          <cell r="K880" t="str">
            <v>新</v>
          </cell>
          <cell r="N880">
            <v>11</v>
          </cell>
          <cell r="O880">
            <v>1</v>
          </cell>
        </row>
        <row r="881">
          <cell r="C881">
            <v>58100</v>
          </cell>
          <cell r="D881" t="str">
            <v>音楽制作ｉｎPC</v>
          </cell>
          <cell r="E881">
            <v>2800</v>
          </cell>
          <cell r="F881" t="str">
            <v>810-8</v>
          </cell>
          <cell r="G881">
            <v>33</v>
          </cell>
          <cell r="J881">
            <v>113430</v>
          </cell>
          <cell r="K881" t="str">
            <v>A</v>
          </cell>
          <cell r="N881">
            <v>11</v>
          </cell>
          <cell r="O881">
            <v>2</v>
          </cell>
        </row>
        <row r="882">
          <cell r="C882">
            <v>58110</v>
          </cell>
          <cell r="D882" t="str">
            <v>DirectX7 for VisualBasic はじめるゲームプログラミング</v>
          </cell>
          <cell r="E882">
            <v>2800</v>
          </cell>
          <cell r="F882" t="str">
            <v>811-5</v>
          </cell>
          <cell r="G882">
            <v>21</v>
          </cell>
          <cell r="J882">
            <v>113030</v>
          </cell>
          <cell r="K882" t="str">
            <v>新</v>
          </cell>
          <cell r="N882">
            <v>11</v>
          </cell>
          <cell r="O882">
            <v>1</v>
          </cell>
        </row>
        <row r="883">
          <cell r="C883">
            <v>58120</v>
          </cell>
          <cell r="D883" t="str">
            <v>かんたん楽々宛名職人ver.7.1カラーガイド</v>
          </cell>
          <cell r="E883">
            <v>1400</v>
          </cell>
          <cell r="F883" t="str">
            <v>812-2</v>
          </cell>
          <cell r="G883">
            <v>33</v>
          </cell>
          <cell r="J883">
            <v>112970</v>
          </cell>
          <cell r="K883" t="str">
            <v>新</v>
          </cell>
          <cell r="N883">
            <v>11</v>
          </cell>
          <cell r="O883">
            <v>1</v>
          </cell>
        </row>
        <row r="884">
          <cell r="C884">
            <v>58130</v>
          </cell>
          <cell r="D884" t="str">
            <v>Windowsドメインアーキテクチャ</v>
          </cell>
          <cell r="E884">
            <v>3800</v>
          </cell>
          <cell r="F884" t="str">
            <v>813-9</v>
          </cell>
          <cell r="G884">
            <v>33</v>
          </cell>
          <cell r="J884">
            <v>112550</v>
          </cell>
          <cell r="K884" t="str">
            <v>新</v>
          </cell>
          <cell r="N884">
            <v>11</v>
          </cell>
          <cell r="O884">
            <v>1</v>
          </cell>
        </row>
        <row r="885">
          <cell r="C885">
            <v>58140</v>
          </cell>
          <cell r="D885" t="str">
            <v>パリが愛したキリン</v>
          </cell>
          <cell r="E885">
            <v>2000</v>
          </cell>
          <cell r="F885" t="str">
            <v>814-6</v>
          </cell>
          <cell r="G885">
            <v>33</v>
          </cell>
          <cell r="J885">
            <v>113070</v>
          </cell>
          <cell r="K885" t="str">
            <v>新</v>
          </cell>
          <cell r="N885">
            <v>11</v>
          </cell>
          <cell r="O885">
            <v>1</v>
          </cell>
        </row>
        <row r="886">
          <cell r="C886">
            <v>58150</v>
          </cell>
          <cell r="D886" t="str">
            <v>DNAのらせんはなぜ絡まないのか</v>
          </cell>
          <cell r="E886">
            <v>2300</v>
          </cell>
          <cell r="F886" t="str">
            <v>815-3</v>
          </cell>
          <cell r="G886">
            <v>33</v>
          </cell>
          <cell r="J886">
            <v>112210</v>
          </cell>
          <cell r="K886" t="str">
            <v>新</v>
          </cell>
          <cell r="N886">
            <v>11</v>
          </cell>
          <cell r="O886">
            <v>1</v>
          </cell>
        </row>
        <row r="887">
          <cell r="C887">
            <v>58160</v>
          </cell>
          <cell r="D887" t="str">
            <v>MOUS教科書 Word97 一般試験</v>
          </cell>
          <cell r="E887">
            <v>1900</v>
          </cell>
          <cell r="F887" t="str">
            <v>816-0</v>
          </cell>
          <cell r="G887">
            <v>33</v>
          </cell>
          <cell r="J887">
            <v>112300</v>
          </cell>
          <cell r="K887" t="str">
            <v>新</v>
          </cell>
          <cell r="N887">
            <v>11</v>
          </cell>
          <cell r="O887">
            <v>1</v>
          </cell>
        </row>
        <row r="888">
          <cell r="C888">
            <v>58170</v>
          </cell>
          <cell r="D888" t="str">
            <v>MOUS教科書 Word97 上級試験</v>
          </cell>
          <cell r="E888">
            <v>2400</v>
          </cell>
          <cell r="F888" t="str">
            <v>817-7</v>
          </cell>
          <cell r="G888">
            <v>33</v>
          </cell>
          <cell r="J888">
            <v>112040</v>
          </cell>
          <cell r="K888" t="str">
            <v>新</v>
          </cell>
          <cell r="N888">
            <v>11</v>
          </cell>
          <cell r="O888">
            <v>1</v>
          </cell>
        </row>
        <row r="889">
          <cell r="C889">
            <v>58180</v>
          </cell>
          <cell r="D889" t="str">
            <v>MOUS教科書 Excel97 一般試験</v>
          </cell>
          <cell r="E889">
            <v>1900</v>
          </cell>
          <cell r="F889" t="str">
            <v>818-4</v>
          </cell>
          <cell r="G889">
            <v>33</v>
          </cell>
          <cell r="J889">
            <v>113080</v>
          </cell>
          <cell r="K889" t="str">
            <v>新</v>
          </cell>
          <cell r="N889">
            <v>11</v>
          </cell>
          <cell r="O889">
            <v>2</v>
          </cell>
        </row>
        <row r="890">
          <cell r="C890">
            <v>58190</v>
          </cell>
          <cell r="D890" t="str">
            <v>MOUS教科書 Excel97 上級試験</v>
          </cell>
          <cell r="E890">
            <v>2400</v>
          </cell>
          <cell r="F890" t="str">
            <v>819-1</v>
          </cell>
          <cell r="G890">
            <v>33</v>
          </cell>
          <cell r="J890">
            <v>112570</v>
          </cell>
          <cell r="K890" t="str">
            <v>新</v>
          </cell>
          <cell r="N890">
            <v>11</v>
          </cell>
          <cell r="O890">
            <v>1</v>
          </cell>
        </row>
        <row r="891">
          <cell r="C891">
            <v>58200</v>
          </cell>
          <cell r="D891" t="str">
            <v>はじめる Windows98セカンドエディション</v>
          </cell>
          <cell r="E891">
            <v>1400</v>
          </cell>
          <cell r="F891" t="str">
            <v>820-7</v>
          </cell>
          <cell r="G891">
            <v>33</v>
          </cell>
          <cell r="J891">
            <v>113000</v>
          </cell>
          <cell r="K891" t="str">
            <v>新</v>
          </cell>
          <cell r="N891">
            <v>11</v>
          </cell>
          <cell r="O891">
            <v>1</v>
          </cell>
        </row>
        <row r="892">
          <cell r="C892">
            <v>58210</v>
          </cell>
          <cell r="D892" t="str">
            <v>VisualC++ 1 はじめてのWindowsプログラミング</v>
          </cell>
          <cell r="E892">
            <v>2600</v>
          </cell>
          <cell r="F892" t="str">
            <v>821-4</v>
          </cell>
          <cell r="G892">
            <v>11</v>
          </cell>
          <cell r="J892">
            <v>113150</v>
          </cell>
          <cell r="K892" t="str">
            <v>新</v>
          </cell>
          <cell r="N892">
            <v>11</v>
          </cell>
          <cell r="O892">
            <v>1</v>
          </cell>
        </row>
        <row r="893">
          <cell r="C893">
            <v>58220</v>
          </cell>
          <cell r="D893" t="str">
            <v>VisualC++ 2 はじめてのオブジェクト指向プログラミング</v>
          </cell>
          <cell r="E893">
            <v>2600</v>
          </cell>
          <cell r="F893" t="str">
            <v>822-1</v>
          </cell>
          <cell r="G893">
            <v>11</v>
          </cell>
          <cell r="J893">
            <v>113140</v>
          </cell>
          <cell r="K893" t="str">
            <v>新</v>
          </cell>
          <cell r="N893">
            <v>11</v>
          </cell>
          <cell r="O893">
            <v>1</v>
          </cell>
        </row>
        <row r="894">
          <cell r="C894">
            <v>58230</v>
          </cell>
          <cell r="D894" t="str">
            <v>VisualC++ 3 はじめてのＭＦＣプログラミング</v>
          </cell>
          <cell r="E894">
            <v>2800</v>
          </cell>
          <cell r="F894" t="str">
            <v>823-8</v>
          </cell>
          <cell r="G894">
            <v>11</v>
          </cell>
        </row>
        <row r="895">
          <cell r="C895">
            <v>58240</v>
          </cell>
          <cell r="D895" t="str">
            <v>独習Perl</v>
          </cell>
          <cell r="E895">
            <v>2800</v>
          </cell>
          <cell r="F895" t="str">
            <v>824-5</v>
          </cell>
          <cell r="G895">
            <v>33</v>
          </cell>
        </row>
        <row r="896">
          <cell r="C896">
            <v>58250</v>
          </cell>
          <cell r="D896" t="str">
            <v>10日でおぼえる VisualBasic6.0実践教室</v>
          </cell>
          <cell r="E896">
            <v>3200</v>
          </cell>
          <cell r="F896" t="str">
            <v>825-2</v>
          </cell>
          <cell r="G896">
            <v>33</v>
          </cell>
        </row>
        <row r="897">
          <cell r="C897">
            <v>58260</v>
          </cell>
          <cell r="D897" t="str">
            <v>コンピュータは、むずかしすぎてつかえない</v>
          </cell>
          <cell r="E897">
            <v>2200</v>
          </cell>
          <cell r="F897" t="str">
            <v>826-9</v>
          </cell>
          <cell r="G897">
            <v>33</v>
          </cell>
        </row>
        <row r="898">
          <cell r="C898">
            <v>58270</v>
          </cell>
          <cell r="D898" t="str">
            <v>オールドバイオユーザーのための VAIO超蘇生術</v>
          </cell>
          <cell r="E898">
            <v>1800</v>
          </cell>
          <cell r="F898" t="str">
            <v>827-6</v>
          </cell>
          <cell r="G898">
            <v>33</v>
          </cell>
        </row>
        <row r="899">
          <cell r="C899">
            <v>58280</v>
          </cell>
          <cell r="D899" t="str">
            <v>FLASH WEB DESIGN BOOK</v>
          </cell>
          <cell r="E899">
            <v>3800</v>
          </cell>
          <cell r="F899" t="str">
            <v>828-3</v>
          </cell>
          <cell r="G899">
            <v>33</v>
          </cell>
        </row>
        <row r="900">
          <cell r="C900">
            <v>58290</v>
          </cell>
          <cell r="D900" t="str">
            <v>Fontgraphers-Bold</v>
          </cell>
          <cell r="E900">
            <v>3800</v>
          </cell>
          <cell r="F900" t="str">
            <v>829-0</v>
          </cell>
          <cell r="G900">
            <v>11</v>
          </cell>
        </row>
        <row r="901">
          <cell r="C901">
            <v>58300</v>
          </cell>
          <cell r="D901" t="str">
            <v>インターネットストリーミングブック</v>
          </cell>
          <cell r="E901">
            <v>1900</v>
          </cell>
          <cell r="F901" t="str">
            <v>830-6</v>
          </cell>
          <cell r="G901">
            <v>33</v>
          </cell>
        </row>
        <row r="902">
          <cell r="C902">
            <v>58310</v>
          </cell>
          <cell r="D902" t="str">
            <v>COM IDL &amp; インターフェイスデザイン</v>
          </cell>
          <cell r="E902">
            <v>5800</v>
          </cell>
          <cell r="F902" t="str">
            <v>831-3</v>
          </cell>
          <cell r="G902">
            <v>11</v>
          </cell>
        </row>
        <row r="903">
          <cell r="C903">
            <v>58320</v>
          </cell>
          <cell r="D903" t="str">
            <v>10日でおぼえる Access VBA入門教室 97/2000対応</v>
          </cell>
          <cell r="E903">
            <v>3200</v>
          </cell>
          <cell r="F903" t="str">
            <v>832-0</v>
          </cell>
          <cell r="G903">
            <v>33</v>
          </cell>
        </row>
        <row r="904">
          <cell r="C904">
            <v>58330</v>
          </cell>
          <cell r="D904" t="str">
            <v>Oracle8 UMLオブジェクトモデリング</v>
          </cell>
          <cell r="E904">
            <v>5000</v>
          </cell>
          <cell r="F904" t="str">
            <v>833-7</v>
          </cell>
          <cell r="G904">
            <v>33</v>
          </cell>
        </row>
        <row r="905">
          <cell r="C905">
            <v>58340</v>
          </cell>
          <cell r="D905" t="str">
            <v>オラクルマスター教科書 Silver</v>
          </cell>
          <cell r="E905">
            <v>3800</v>
          </cell>
          <cell r="F905" t="str">
            <v>834-4</v>
          </cell>
          <cell r="G905">
            <v>33</v>
          </cell>
        </row>
        <row r="906">
          <cell r="C906">
            <v>58350</v>
          </cell>
          <cell r="D906" t="str">
            <v>オープンソースワールド</v>
          </cell>
          <cell r="E906">
            <v>1900</v>
          </cell>
          <cell r="F906" t="str">
            <v>835-1</v>
          </cell>
          <cell r="G906">
            <v>11</v>
          </cell>
        </row>
        <row r="907">
          <cell r="C907">
            <v>58360</v>
          </cell>
          <cell r="D907" t="str">
            <v>UMLによる統一ソフトウェア開発プロセス</v>
          </cell>
          <cell r="E907">
            <v>4800</v>
          </cell>
          <cell r="F907" t="str">
            <v>836-8</v>
          </cell>
          <cell r="G907">
            <v>33</v>
          </cell>
        </row>
        <row r="908">
          <cell r="C908">
            <v>58370</v>
          </cell>
          <cell r="D908" t="str">
            <v>Access2000によるアプリケーション開発</v>
          </cell>
          <cell r="E908">
            <v>3800</v>
          </cell>
          <cell r="F908" t="str">
            <v>837-5</v>
          </cell>
          <cell r="G908">
            <v>33</v>
          </cell>
        </row>
        <row r="909">
          <cell r="C909">
            <v>58380</v>
          </cell>
          <cell r="D909" t="str">
            <v>Windows2000アクティブディレクトリ入門</v>
          </cell>
          <cell r="E909">
            <v>3800</v>
          </cell>
          <cell r="F909" t="str">
            <v>838-2</v>
          </cell>
          <cell r="G909">
            <v>11</v>
          </cell>
        </row>
        <row r="910">
          <cell r="C910">
            <v>58390</v>
          </cell>
          <cell r="D910" t="str">
            <v>イノベーションのジレンマ</v>
          </cell>
          <cell r="E910">
            <v>2000</v>
          </cell>
          <cell r="F910" t="str">
            <v>839-9</v>
          </cell>
          <cell r="G910">
            <v>33</v>
          </cell>
        </row>
        <row r="911">
          <cell r="C911">
            <v>58400</v>
          </cell>
          <cell r="D911" t="str">
            <v>時の誕生、宇宙の誕生</v>
          </cell>
          <cell r="E911">
            <v>2500</v>
          </cell>
          <cell r="F911" t="str">
            <v>840-5</v>
          </cell>
          <cell r="G911">
            <v>33</v>
          </cell>
        </row>
        <row r="912">
          <cell r="C912">
            <v>58410</v>
          </cell>
          <cell r="D912" t="str">
            <v>図解 AutoCAD LT2000スタートアップガイド</v>
          </cell>
          <cell r="E912">
            <v>3600</v>
          </cell>
          <cell r="F912" t="str">
            <v>841-2</v>
          </cell>
          <cell r="G912">
            <v>33</v>
          </cell>
        </row>
        <row r="913">
          <cell r="C913">
            <v>58420</v>
          </cell>
          <cell r="D913" t="str">
            <v>パソコンには危険がいっぱい</v>
          </cell>
          <cell r="E913">
            <v>1600</v>
          </cell>
          <cell r="F913" t="str">
            <v>842-9</v>
          </cell>
          <cell r="G913">
            <v>33</v>
          </cell>
        </row>
        <row r="914">
          <cell r="C914">
            <v>58430</v>
          </cell>
          <cell r="D914" t="str">
            <v>C言語 1 はじめてのCプログラミング</v>
          </cell>
          <cell r="E914">
            <v>1900</v>
          </cell>
          <cell r="F914" t="str">
            <v>843-6</v>
          </cell>
          <cell r="G914">
            <v>11</v>
          </cell>
        </row>
        <row r="915">
          <cell r="C915">
            <v>58440</v>
          </cell>
          <cell r="D915" t="str">
            <v>C言語 2 はじめてわかるC言語のしくみ</v>
          </cell>
          <cell r="E915">
            <v>1900</v>
          </cell>
          <cell r="F915" t="str">
            <v>844-3</v>
          </cell>
          <cell r="G915">
            <v>11</v>
          </cell>
        </row>
        <row r="916">
          <cell r="C916">
            <v>58450</v>
          </cell>
          <cell r="D916" t="str">
            <v>Excel2000 VBA辞典</v>
          </cell>
          <cell r="E916">
            <v>1900</v>
          </cell>
          <cell r="F916" t="str">
            <v>845-0</v>
          </cell>
          <cell r="G916">
            <v>33</v>
          </cell>
        </row>
        <row r="917">
          <cell r="C917">
            <v>58460</v>
          </cell>
          <cell r="D917" t="str">
            <v>Java&amp;XMLデータアクセスガイド</v>
          </cell>
          <cell r="E917">
            <v>5800</v>
          </cell>
          <cell r="F917" t="str">
            <v>846-7</v>
          </cell>
          <cell r="G917">
            <v>33</v>
          </cell>
        </row>
        <row r="918">
          <cell r="C918">
            <v>58470</v>
          </cell>
          <cell r="D918" t="str">
            <v>Wordによる 標準DTP入門講座 Windows編</v>
          </cell>
          <cell r="E918">
            <v>2700</v>
          </cell>
          <cell r="F918" t="str">
            <v>847-4</v>
          </cell>
          <cell r="G918">
            <v>33</v>
          </cell>
        </row>
        <row r="919">
          <cell r="C919">
            <v>58480</v>
          </cell>
          <cell r="D919" t="str">
            <v>パソコンではじめるインターネット投資信託＆ミニ株完全入門講座</v>
          </cell>
          <cell r="E919">
            <v>1500</v>
          </cell>
          <cell r="F919" t="str">
            <v>848-1</v>
          </cell>
          <cell r="G919">
            <v>33</v>
          </cell>
        </row>
        <row r="920">
          <cell r="C920">
            <v>58490</v>
          </cell>
          <cell r="D920" t="str">
            <v>XMLアプリケーションズ</v>
          </cell>
          <cell r="E920">
            <v>4800</v>
          </cell>
          <cell r="F920" t="str">
            <v>849-8</v>
          </cell>
          <cell r="G920">
            <v>33</v>
          </cell>
        </row>
        <row r="921">
          <cell r="C921">
            <v>58500</v>
          </cell>
          <cell r="D921" t="str">
            <v>MCSE教科書 カード式厳選問題集NetworkingEssentials</v>
          </cell>
          <cell r="E921">
            <v>1980</v>
          </cell>
          <cell r="F921" t="str">
            <v>850-4</v>
          </cell>
          <cell r="G921">
            <v>33</v>
          </cell>
        </row>
        <row r="922">
          <cell r="C922">
            <v>58510</v>
          </cell>
          <cell r="D922" t="str">
            <v>MCSE教科書 カード式厳選問題集NT Workstation4.0</v>
          </cell>
          <cell r="E922">
            <v>1980</v>
          </cell>
          <cell r="F922" t="str">
            <v>851-1</v>
          </cell>
          <cell r="G922">
            <v>33</v>
          </cell>
        </row>
        <row r="923">
          <cell r="C923">
            <v>58520</v>
          </cell>
          <cell r="D923" t="str">
            <v>MCSE教科書 カード式厳選問題集NT Server4.0</v>
          </cell>
          <cell r="E923">
            <v>1980</v>
          </cell>
          <cell r="F923" t="str">
            <v>852-8</v>
          </cell>
          <cell r="G923">
            <v>33</v>
          </cell>
        </row>
        <row r="924">
          <cell r="C924">
            <v>58530</v>
          </cell>
          <cell r="D924" t="str">
            <v>MCSE教科書 カード式厳選問題集NT Server4.0 in the Enterprise</v>
          </cell>
          <cell r="E924">
            <v>1980</v>
          </cell>
          <cell r="F924" t="str">
            <v>853-5</v>
          </cell>
          <cell r="G924">
            <v>33</v>
          </cell>
        </row>
        <row r="925">
          <cell r="C925">
            <v>58540</v>
          </cell>
          <cell r="D925" t="str">
            <v>MCSE教科書 カード式厳選問題集TCP/IP</v>
          </cell>
          <cell r="E925">
            <v>1980</v>
          </cell>
          <cell r="F925" t="str">
            <v>854-2</v>
          </cell>
          <cell r="G925">
            <v>33</v>
          </cell>
        </row>
        <row r="926">
          <cell r="C926">
            <v>58550</v>
          </cell>
          <cell r="D926" t="str">
            <v>10日でおぼえる ExcelVBA実践教室 2000対応</v>
          </cell>
          <cell r="E926">
            <v>2800</v>
          </cell>
          <cell r="F926" t="str">
            <v>855-9</v>
          </cell>
          <cell r="G926">
            <v>33</v>
          </cell>
        </row>
        <row r="927">
          <cell r="C927">
            <v>58560</v>
          </cell>
          <cell r="D927" t="str">
            <v>MCSE教科書 TCP/IP 改訂版</v>
          </cell>
          <cell r="E927">
            <v>3800</v>
          </cell>
          <cell r="F927" t="str">
            <v>856-6</v>
          </cell>
          <cell r="G927">
            <v>33</v>
          </cell>
        </row>
        <row r="928">
          <cell r="C928">
            <v>58570</v>
          </cell>
          <cell r="D928" t="str">
            <v>AutoCAD2000ビギナーズガイド</v>
          </cell>
          <cell r="E928">
            <v>4800</v>
          </cell>
          <cell r="F928" t="str">
            <v>857-3</v>
          </cell>
          <cell r="G928">
            <v>33</v>
          </cell>
        </row>
        <row r="929">
          <cell r="C929">
            <v>58580</v>
          </cell>
          <cell r="D929" t="str">
            <v>はじめる ウインドウズ2000プロフェッショナル</v>
          </cell>
          <cell r="E929">
            <v>1400</v>
          </cell>
          <cell r="F929" t="str">
            <v>858-0</v>
          </cell>
          <cell r="G929">
            <v>33</v>
          </cell>
        </row>
        <row r="930">
          <cell r="C930">
            <v>58590</v>
          </cell>
          <cell r="D930" t="str">
            <v>PaintShopPro6の王様</v>
          </cell>
          <cell r="E930">
            <v>1900</v>
          </cell>
          <cell r="F930" t="str">
            <v>859-7</v>
          </cell>
          <cell r="G930">
            <v>33</v>
          </cell>
        </row>
        <row r="931">
          <cell r="C931">
            <v>58600</v>
          </cell>
          <cell r="D931" t="str">
            <v>ひとはなぜコンピュータを人間として扱うのか</v>
          </cell>
          <cell r="E931">
            <v>2400</v>
          </cell>
          <cell r="F931" t="str">
            <v>860-3</v>
          </cell>
          <cell r="G931">
            <v>33</v>
          </cell>
        </row>
        <row r="932">
          <cell r="C932">
            <v>58610</v>
          </cell>
          <cell r="D932" t="str">
            <v>WDMデバイスドライバ</v>
          </cell>
          <cell r="E932">
            <v>6800</v>
          </cell>
          <cell r="F932" t="str">
            <v>861-0</v>
          </cell>
          <cell r="G932">
            <v>11</v>
          </cell>
        </row>
        <row r="933">
          <cell r="C933">
            <v>58620</v>
          </cell>
          <cell r="D933" t="str">
            <v>デタラメPhotoshop改訂版</v>
          </cell>
          <cell r="E933">
            <v>2400</v>
          </cell>
          <cell r="F933" t="str">
            <v>862-7</v>
          </cell>
          <cell r="G933">
            <v>11</v>
          </cell>
        </row>
        <row r="934">
          <cell r="C934">
            <v>58630</v>
          </cell>
          <cell r="D934" t="str">
            <v>オンライン商人 成功への道</v>
          </cell>
          <cell r="E934">
            <v>1400</v>
          </cell>
          <cell r="F934" t="str">
            <v>863-4</v>
          </cell>
          <cell r="G934">
            <v>11</v>
          </cell>
        </row>
        <row r="935">
          <cell r="C935">
            <v>58640</v>
          </cell>
          <cell r="D935" t="str">
            <v>UMLモデリングのエッセンス 第2版</v>
          </cell>
          <cell r="E935">
            <v>2400</v>
          </cell>
          <cell r="F935" t="str">
            <v>864-1</v>
          </cell>
          <cell r="G935">
            <v>33</v>
          </cell>
        </row>
        <row r="936">
          <cell r="C936">
            <v>58650</v>
          </cell>
          <cell r="D936" t="str">
            <v>メールであそぼ</v>
          </cell>
          <cell r="E936">
            <v>1280</v>
          </cell>
          <cell r="F936" t="str">
            <v>865-8</v>
          </cell>
          <cell r="G936">
            <v>33</v>
          </cell>
        </row>
        <row r="937">
          <cell r="C937">
            <v>58660</v>
          </cell>
          <cell r="D937" t="str">
            <v>ブランド・マインドセット</v>
          </cell>
          <cell r="E937">
            <v>2000</v>
          </cell>
          <cell r="F937" t="str">
            <v>866-5</v>
          </cell>
          <cell r="G937">
            <v>33</v>
          </cell>
        </row>
        <row r="938">
          <cell r="C938">
            <v>58670</v>
          </cell>
          <cell r="D938" t="str">
            <v>スモールビジネスマネジメント</v>
          </cell>
          <cell r="E938">
            <v>1600</v>
          </cell>
          <cell r="F938" t="str">
            <v>867-2</v>
          </cell>
          <cell r="G938">
            <v>11</v>
          </cell>
        </row>
        <row r="939">
          <cell r="C939">
            <v>58690</v>
          </cell>
          <cell r="D939" t="str">
            <v>Oracle8i ビギナーズガイド</v>
          </cell>
          <cell r="E939">
            <v>5000</v>
          </cell>
          <cell r="F939" t="str">
            <v>869-6</v>
          </cell>
          <cell r="G939">
            <v>33</v>
          </cell>
        </row>
        <row r="940">
          <cell r="C940">
            <v>58700</v>
          </cell>
          <cell r="D940" t="str">
            <v>初心者のためのSQL入門 1 はじめてのデータベース操作</v>
          </cell>
          <cell r="E940">
            <v>2600</v>
          </cell>
          <cell r="F940" t="str">
            <v>870-2</v>
          </cell>
          <cell r="G940">
            <v>33</v>
          </cell>
        </row>
        <row r="941">
          <cell r="C941">
            <v>58710</v>
          </cell>
          <cell r="D941" t="str">
            <v>CORBA&amp;COMインテグレーションガイド</v>
          </cell>
          <cell r="E941">
            <v>4200</v>
          </cell>
          <cell r="F941" t="str">
            <v>871-9</v>
          </cell>
          <cell r="G941">
            <v>33</v>
          </cell>
        </row>
        <row r="942">
          <cell r="C942">
            <v>58720</v>
          </cell>
          <cell r="D942" t="str">
            <v>MCSE教科書 DatabaseDesign SQL Serever7.0</v>
          </cell>
          <cell r="E942">
            <v>3800</v>
          </cell>
          <cell r="F942" t="str">
            <v>872-6</v>
          </cell>
          <cell r="G942">
            <v>33</v>
          </cell>
        </row>
        <row r="943">
          <cell r="C943">
            <v>58730</v>
          </cell>
          <cell r="D943" t="str">
            <v>MCSE教科書 Adminstration SQL Server7.0</v>
          </cell>
          <cell r="E943">
            <v>3800</v>
          </cell>
          <cell r="F943" t="str">
            <v>873-3</v>
          </cell>
          <cell r="G943">
            <v>33</v>
          </cell>
        </row>
        <row r="944">
          <cell r="C944">
            <v>58740</v>
          </cell>
          <cell r="D944" t="str">
            <v>図解でおぼえる Ｍｕｌｅの使い方</v>
          </cell>
          <cell r="E944">
            <v>2600</v>
          </cell>
          <cell r="F944" t="str">
            <v>874-0</v>
          </cell>
          <cell r="G944">
            <v>33</v>
          </cell>
        </row>
        <row r="945">
          <cell r="C945">
            <v>58750</v>
          </cell>
          <cell r="D945" t="str">
            <v>Excel2000 関数辞典</v>
          </cell>
          <cell r="E945">
            <v>1600</v>
          </cell>
          <cell r="F945" t="str">
            <v>875-7</v>
          </cell>
          <cell r="G945">
            <v>33</v>
          </cell>
        </row>
        <row r="946">
          <cell r="C946">
            <v>58760</v>
          </cell>
          <cell r="D946" t="str">
            <v>パーミション・マーケティング・セミナー</v>
          </cell>
          <cell r="E946">
            <v>1400</v>
          </cell>
          <cell r="F946" t="str">
            <v>876-4</v>
          </cell>
          <cell r="G946">
            <v>11</v>
          </cell>
        </row>
        <row r="947">
          <cell r="C947">
            <v>58770</v>
          </cell>
          <cell r="D947" t="str">
            <v>徳の起源</v>
          </cell>
          <cell r="E947">
            <v>2500</v>
          </cell>
          <cell r="F947" t="str">
            <v>877-1</v>
          </cell>
          <cell r="G947">
            <v>33</v>
          </cell>
        </row>
        <row r="948">
          <cell r="C948">
            <v>58780</v>
          </cell>
          <cell r="D948" t="str">
            <v>クロマト研究者の業務とパソコンの活用事例</v>
          </cell>
          <cell r="E948">
            <v>2800</v>
          </cell>
          <cell r="F948" t="str">
            <v>878-8</v>
          </cell>
          <cell r="G948">
            <v>33</v>
          </cell>
        </row>
        <row r="949">
          <cell r="C949">
            <v>58790</v>
          </cell>
          <cell r="D949" t="str">
            <v>化学のための計測制御入門</v>
          </cell>
          <cell r="E949">
            <v>2800</v>
          </cell>
          <cell r="F949" t="str">
            <v>879-5</v>
          </cell>
          <cell r="G949">
            <v>33</v>
          </cell>
        </row>
        <row r="950">
          <cell r="C950">
            <v>58800</v>
          </cell>
          <cell r="D950" t="str">
            <v>LEGO MindStormsロボット開発講座</v>
          </cell>
          <cell r="E950">
            <v>2200</v>
          </cell>
          <cell r="F950" t="str">
            <v>880-1</v>
          </cell>
          <cell r="G950">
            <v>33</v>
          </cell>
        </row>
        <row r="951">
          <cell r="C951">
            <v>58810</v>
          </cell>
          <cell r="D951" t="str">
            <v>クラッキング防衛大全</v>
          </cell>
          <cell r="E951">
            <v>3800</v>
          </cell>
          <cell r="F951" t="str">
            <v>881-8</v>
          </cell>
          <cell r="G951">
            <v>33</v>
          </cell>
        </row>
        <row r="952">
          <cell r="C952">
            <v>58820</v>
          </cell>
          <cell r="D952" t="str">
            <v>Oracleシステム構築運用ガイド</v>
          </cell>
          <cell r="E952">
            <v>3200</v>
          </cell>
          <cell r="F952" t="str">
            <v>882-5</v>
          </cell>
          <cell r="G952">
            <v>33</v>
          </cell>
        </row>
        <row r="953">
          <cell r="C953">
            <v>58830</v>
          </cell>
          <cell r="D953" t="str">
            <v>全部無料でつくる はじめてのホームページ</v>
          </cell>
          <cell r="E953">
            <v>1980</v>
          </cell>
          <cell r="F953" t="str">
            <v>883-2</v>
          </cell>
          <cell r="G953">
            <v>33</v>
          </cell>
        </row>
        <row r="954">
          <cell r="C954">
            <v>58840</v>
          </cell>
          <cell r="D954" t="str">
            <v>ORACLE8ｉ SQLJプログラミング</v>
          </cell>
          <cell r="E954">
            <v>5000</v>
          </cell>
          <cell r="F954" t="str">
            <v>884-9</v>
          </cell>
          <cell r="G954">
            <v>33</v>
          </cell>
        </row>
        <row r="955">
          <cell r="C955">
            <v>58850</v>
          </cell>
          <cell r="D955" t="str">
            <v>初心者のためのSQL入門 2 はじめてのデータベース作成</v>
          </cell>
          <cell r="E955">
            <v>2600</v>
          </cell>
          <cell r="F955" t="str">
            <v>885-6</v>
          </cell>
          <cell r="G955">
            <v>11</v>
          </cell>
        </row>
        <row r="956">
          <cell r="C956">
            <v>58860</v>
          </cell>
          <cell r="D956" t="str">
            <v>IPsec導入の手引き</v>
          </cell>
          <cell r="E956">
            <v>2800</v>
          </cell>
          <cell r="F956" t="str">
            <v>886-3</v>
          </cell>
          <cell r="G956">
            <v>33</v>
          </cell>
        </row>
        <row r="957">
          <cell r="C957">
            <v>58870</v>
          </cell>
          <cell r="D957" t="str">
            <v>Cisco技術者認定教科書 CCNA Routing&amp;Switching</v>
          </cell>
          <cell r="E957">
            <v>3800</v>
          </cell>
          <cell r="F957" t="str">
            <v>887-0</v>
          </cell>
          <cell r="G957">
            <v>33</v>
          </cell>
        </row>
        <row r="958">
          <cell r="C958">
            <v>58880</v>
          </cell>
          <cell r="D958" t="str">
            <v>ヒエログリフを書こう</v>
          </cell>
          <cell r="E958">
            <v>1500</v>
          </cell>
          <cell r="F958" t="str">
            <v>888-7</v>
          </cell>
          <cell r="G958">
            <v>11</v>
          </cell>
        </row>
        <row r="959">
          <cell r="C959">
            <v>58890</v>
          </cell>
          <cell r="D959" t="str">
            <v>MCSD教科書 Microsoft Visual Basic6.0 Desktop</v>
          </cell>
          <cell r="E959">
            <v>4500</v>
          </cell>
          <cell r="F959" t="str">
            <v>889-4</v>
          </cell>
          <cell r="G959">
            <v>33</v>
          </cell>
        </row>
        <row r="960">
          <cell r="C960">
            <v>58900</v>
          </cell>
          <cell r="D960" t="str">
            <v>MCSD教科書 Microsoft Visual Basic6.0 Distributed</v>
          </cell>
          <cell r="E960">
            <v>4500</v>
          </cell>
          <cell r="F960" t="str">
            <v>890-0</v>
          </cell>
          <cell r="G960">
            <v>33</v>
          </cell>
        </row>
        <row r="961">
          <cell r="C961">
            <v>58910</v>
          </cell>
          <cell r="D961" t="str">
            <v>ホームページ辞典</v>
          </cell>
          <cell r="E961">
            <v>1900</v>
          </cell>
          <cell r="F961" t="str">
            <v>891-7</v>
          </cell>
          <cell r="G961">
            <v>33</v>
          </cell>
        </row>
        <row r="962">
          <cell r="C962">
            <v>58920</v>
          </cell>
          <cell r="D962" t="str">
            <v>化学計測モニタリングとExcel</v>
          </cell>
          <cell r="E962">
            <v>2800</v>
          </cell>
          <cell r="F962" t="str">
            <v>892-4</v>
          </cell>
          <cell r="G962">
            <v>33</v>
          </cell>
        </row>
        <row r="963">
          <cell r="C963">
            <v>58930</v>
          </cell>
          <cell r="D963" t="str">
            <v>あやかり冨士 随筆「江戸のデザイン」</v>
          </cell>
          <cell r="E963">
            <v>4743</v>
          </cell>
          <cell r="F963" t="str">
            <v>893-1</v>
          </cell>
          <cell r="G963">
            <v>11</v>
          </cell>
        </row>
        <row r="964">
          <cell r="C964">
            <v>58940</v>
          </cell>
          <cell r="D964" t="str">
            <v>10日でおぼえる ExcelVBA応用教室 2000対応</v>
          </cell>
          <cell r="E964">
            <v>3200</v>
          </cell>
          <cell r="F964" t="str">
            <v>894-8</v>
          </cell>
          <cell r="G964">
            <v>33</v>
          </cell>
        </row>
        <row r="965">
          <cell r="C965">
            <v>58950</v>
          </cell>
          <cell r="D965" t="str">
            <v>ケータイのホームページをつくりたい!</v>
          </cell>
          <cell r="E965">
            <v>1800</v>
          </cell>
          <cell r="F965" t="str">
            <v>895-5</v>
          </cell>
          <cell r="G965">
            <v>33</v>
          </cell>
        </row>
        <row r="966">
          <cell r="C966">
            <v>58960</v>
          </cell>
          <cell r="D966" t="str">
            <v>PhotoDeluxe4.0ファミリーの王様</v>
          </cell>
          <cell r="E966">
            <v>1900</v>
          </cell>
          <cell r="F966" t="str">
            <v>896-2</v>
          </cell>
          <cell r="G966">
            <v>33</v>
          </cell>
        </row>
        <row r="967">
          <cell r="C967">
            <v>58970</v>
          </cell>
          <cell r="D967" t="str">
            <v>C/C++ プログラミング辞典 すぐに役立つ!</v>
          </cell>
          <cell r="E967">
            <v>2400</v>
          </cell>
          <cell r="F967" t="str">
            <v>897-9</v>
          </cell>
          <cell r="G967">
            <v>33</v>
          </cell>
        </row>
        <row r="968">
          <cell r="C968">
            <v>58980</v>
          </cell>
          <cell r="D968" t="str">
            <v>オラクルマスター教科書 GoldDBA(Oracle8)編</v>
          </cell>
          <cell r="E968">
            <v>3800</v>
          </cell>
          <cell r="F968" t="str">
            <v>898-6</v>
          </cell>
          <cell r="G968">
            <v>33</v>
          </cell>
        </row>
        <row r="969">
          <cell r="C969">
            <v>58990</v>
          </cell>
          <cell r="D969" t="str">
            <v>i-mode Book</v>
          </cell>
          <cell r="E969">
            <v>980</v>
          </cell>
          <cell r="F969" t="str">
            <v>899-3</v>
          </cell>
          <cell r="G969">
            <v>33</v>
          </cell>
        </row>
        <row r="970">
          <cell r="C970">
            <v>59000</v>
          </cell>
          <cell r="D970" t="str">
            <v>DREAMWEAVER WEB BESIGN BOOK</v>
          </cell>
          <cell r="E970">
            <v>2600</v>
          </cell>
          <cell r="F970" t="str">
            <v>900-6</v>
          </cell>
          <cell r="G970">
            <v>33</v>
          </cell>
        </row>
        <row r="971">
          <cell r="C971">
            <v>59010</v>
          </cell>
          <cell r="D971" t="str">
            <v>インターネットビジネス戦略策定</v>
          </cell>
          <cell r="E971">
            <v>1600</v>
          </cell>
          <cell r="F971" t="str">
            <v>901-3</v>
          </cell>
          <cell r="G971">
            <v>33</v>
          </cell>
        </row>
        <row r="972">
          <cell r="C972">
            <v>59020</v>
          </cell>
          <cell r="D972" t="str">
            <v>シリコンバレーに行きたいか?</v>
          </cell>
          <cell r="E972">
            <v>2000</v>
          </cell>
          <cell r="F972" t="str">
            <v>902-0</v>
          </cell>
          <cell r="G972">
            <v>33</v>
          </cell>
        </row>
        <row r="973">
          <cell r="C973">
            <v>59030</v>
          </cell>
          <cell r="D973" t="str">
            <v>プルトニウムファイル 上巻</v>
          </cell>
          <cell r="E973">
            <v>1600</v>
          </cell>
          <cell r="F973" t="str">
            <v>903-7</v>
          </cell>
          <cell r="G973">
            <v>33</v>
          </cell>
        </row>
        <row r="974">
          <cell r="C974">
            <v>59040</v>
          </cell>
          <cell r="D974" t="str">
            <v>プルトニウムファイル 下巻</v>
          </cell>
          <cell r="E974">
            <v>1600</v>
          </cell>
          <cell r="F974" t="str">
            <v>904-4</v>
          </cell>
          <cell r="G974">
            <v>33</v>
          </cell>
        </row>
        <row r="975">
          <cell r="C975">
            <v>59050</v>
          </cell>
          <cell r="D975" t="str">
            <v>燃料電池で世界を変える</v>
          </cell>
          <cell r="E975">
            <v>2000</v>
          </cell>
          <cell r="F975" t="str">
            <v>905-1</v>
          </cell>
          <cell r="G975">
            <v>11</v>
          </cell>
        </row>
        <row r="976">
          <cell r="C976">
            <v>59060</v>
          </cell>
          <cell r="D976" t="str">
            <v>パーミション・マーケティングの未来</v>
          </cell>
          <cell r="E976">
            <v>1600</v>
          </cell>
          <cell r="F976" t="str">
            <v>906-8</v>
          </cell>
          <cell r="G976">
            <v>11</v>
          </cell>
        </row>
        <row r="977">
          <cell r="C977">
            <v>59080</v>
          </cell>
          <cell r="D977" t="str">
            <v>IPOという選択</v>
          </cell>
          <cell r="E977">
            <v>1500</v>
          </cell>
          <cell r="F977" t="str">
            <v>908-2</v>
          </cell>
          <cell r="G977">
            <v>33</v>
          </cell>
        </row>
        <row r="978">
          <cell r="C978">
            <v>59090</v>
          </cell>
          <cell r="D978" t="str">
            <v>無線アクセスの全て</v>
          </cell>
          <cell r="E978">
            <v>1600</v>
          </cell>
          <cell r="F978" t="str">
            <v>909-9</v>
          </cell>
          <cell r="G978">
            <v>33</v>
          </cell>
        </row>
        <row r="979">
          <cell r="C979">
            <v>59100</v>
          </cell>
          <cell r="D979" t="str">
            <v>Windows 2000 Serverパーフェクトガイド Vol.1</v>
          </cell>
          <cell r="E979">
            <v>6200</v>
          </cell>
          <cell r="F979" t="str">
            <v>910-5</v>
          </cell>
          <cell r="G979">
            <v>11</v>
          </cell>
        </row>
        <row r="980">
          <cell r="C980">
            <v>59110</v>
          </cell>
          <cell r="D980" t="str">
            <v>Windows 2000 Serverパーフェクトガイド Vol.2</v>
          </cell>
          <cell r="E980">
            <v>5800</v>
          </cell>
          <cell r="F980" t="str">
            <v>911-2</v>
          </cell>
          <cell r="G980">
            <v>11</v>
          </cell>
        </row>
        <row r="981">
          <cell r="C981">
            <v>59120</v>
          </cell>
          <cell r="D981" t="str">
            <v>ITベンチャー＠21</v>
          </cell>
          <cell r="E981">
            <v>1505</v>
          </cell>
          <cell r="F981" t="str">
            <v>912-9</v>
          </cell>
          <cell r="G981">
            <v>33</v>
          </cell>
        </row>
        <row r="982">
          <cell r="C982">
            <v>59130</v>
          </cell>
          <cell r="D982" t="str">
            <v>Visual Basic+Oracle いちから始めるシステム構築</v>
          </cell>
          <cell r="E982">
            <v>2500</v>
          </cell>
          <cell r="F982" t="str">
            <v>913-6</v>
          </cell>
          <cell r="G982">
            <v>33</v>
          </cell>
        </row>
        <row r="983">
          <cell r="C983">
            <v>59140</v>
          </cell>
          <cell r="D983" t="str">
            <v>ネットワーク危機管理入門</v>
          </cell>
          <cell r="E983">
            <v>1800</v>
          </cell>
          <cell r="F983" t="str">
            <v>914-3</v>
          </cell>
          <cell r="G983">
            <v>33</v>
          </cell>
        </row>
        <row r="984">
          <cell r="C984">
            <v>59150</v>
          </cell>
          <cell r="D984" t="str">
            <v>UNIX システムセキュリティツール</v>
          </cell>
          <cell r="E984">
            <v>2800</v>
          </cell>
          <cell r="F984" t="str">
            <v>915-0</v>
          </cell>
          <cell r="G984">
            <v>33</v>
          </cell>
        </row>
        <row r="985">
          <cell r="C985">
            <v>59160</v>
          </cell>
          <cell r="D985" t="str">
            <v>MOUS教科書 Word2000 一般試験</v>
          </cell>
          <cell r="E985">
            <v>1980</v>
          </cell>
          <cell r="F985" t="str">
            <v>916-7</v>
          </cell>
          <cell r="G985">
            <v>33</v>
          </cell>
        </row>
        <row r="986">
          <cell r="C986">
            <v>59170</v>
          </cell>
          <cell r="D986" t="str">
            <v>MOUS教科書 Excel2000 一般試験</v>
          </cell>
          <cell r="E986">
            <v>1980</v>
          </cell>
          <cell r="F986" t="str">
            <v>917-4</v>
          </cell>
          <cell r="G986">
            <v>33</v>
          </cell>
        </row>
        <row r="987">
          <cell r="C987">
            <v>59180</v>
          </cell>
          <cell r="D987" t="str">
            <v>Javaスレッドプログラミング</v>
          </cell>
          <cell r="E987">
            <v>4200</v>
          </cell>
          <cell r="F987" t="str">
            <v>918-1</v>
          </cell>
          <cell r="G987">
            <v>33</v>
          </cell>
        </row>
        <row r="988">
          <cell r="C988">
            <v>59190</v>
          </cell>
          <cell r="D988" t="str">
            <v>AutoCAD2000 VBA入門</v>
          </cell>
          <cell r="E988">
            <v>2400</v>
          </cell>
          <cell r="F988" t="str">
            <v>919-8</v>
          </cell>
          <cell r="G988">
            <v>33</v>
          </cell>
        </row>
        <row r="989">
          <cell r="C989">
            <v>59200</v>
          </cell>
          <cell r="D989" t="str">
            <v>MCSD教科書 Architectures</v>
          </cell>
          <cell r="E989">
            <v>4500</v>
          </cell>
          <cell r="F989" t="str">
            <v>920-4</v>
          </cell>
          <cell r="G989">
            <v>33</v>
          </cell>
        </row>
        <row r="990">
          <cell r="C990">
            <v>59210</v>
          </cell>
          <cell r="D990" t="str">
            <v>Oracle SQL&amp;PL/SQLスクリプトライブラリ</v>
          </cell>
          <cell r="E990">
            <v>5000</v>
          </cell>
          <cell r="F990" t="str">
            <v>921-1</v>
          </cell>
          <cell r="G990">
            <v>33</v>
          </cell>
        </row>
        <row r="991">
          <cell r="C991">
            <v>59220</v>
          </cell>
          <cell r="D991" t="str">
            <v>入門BizTalk</v>
          </cell>
          <cell r="E991">
            <v>2800</v>
          </cell>
          <cell r="F991" t="str">
            <v>922-8</v>
          </cell>
          <cell r="G991">
            <v>33</v>
          </cell>
        </row>
        <row r="992">
          <cell r="C992">
            <v>59230</v>
          </cell>
          <cell r="D992" t="str">
            <v>XMLがビジネスを変える</v>
          </cell>
          <cell r="E992">
            <v>1800</v>
          </cell>
          <cell r="F992" t="str">
            <v>923-5</v>
          </cell>
          <cell r="G992">
            <v>33</v>
          </cell>
        </row>
        <row r="993">
          <cell r="C993">
            <v>59240</v>
          </cell>
          <cell r="D993" t="str">
            <v>ビジネスマンのためのIT用語ハンドブック</v>
          </cell>
          <cell r="E993">
            <v>1500</v>
          </cell>
          <cell r="F993" t="str">
            <v>924-2</v>
          </cell>
          <cell r="G993">
            <v>33</v>
          </cell>
        </row>
        <row r="994">
          <cell r="C994">
            <v>59250</v>
          </cell>
          <cell r="D994" t="str">
            <v>10日でおぼえる Accessデータベース＆マクロ入門教室 97/2000対応</v>
          </cell>
          <cell r="E994">
            <v>3200</v>
          </cell>
          <cell r="F994" t="str">
            <v>925-9</v>
          </cell>
          <cell r="G994">
            <v>33</v>
          </cell>
        </row>
        <row r="995">
          <cell r="C995">
            <v>59260</v>
          </cell>
          <cell r="D995" t="str">
            <v>オラクルマスター教科書 Sliver 改訂版</v>
          </cell>
          <cell r="E995">
            <v>3800</v>
          </cell>
          <cell r="F995" t="str">
            <v>926-6</v>
          </cell>
          <cell r="G995">
            <v>33</v>
          </cell>
        </row>
        <row r="996">
          <cell r="C996">
            <v>59270</v>
          </cell>
          <cell r="D996" t="str">
            <v>オラクルマスター教科書 Gold PL/SQL</v>
          </cell>
          <cell r="E996">
            <v>3800</v>
          </cell>
          <cell r="F996" t="str">
            <v>927-3</v>
          </cell>
          <cell r="G996">
            <v>33</v>
          </cell>
        </row>
        <row r="997">
          <cell r="C997">
            <v>59280</v>
          </cell>
          <cell r="D997" t="str">
            <v>全部無料でつくる はじめてのホームページ for Macintosh</v>
          </cell>
          <cell r="E997">
            <v>2280</v>
          </cell>
          <cell r="F997" t="str">
            <v>928-0</v>
          </cell>
          <cell r="G997">
            <v>21</v>
          </cell>
        </row>
        <row r="998">
          <cell r="C998">
            <v>59290</v>
          </cell>
          <cell r="D998" t="str">
            <v>独習UML</v>
          </cell>
          <cell r="E998">
            <v>3600</v>
          </cell>
          <cell r="F998" t="str">
            <v>929-7</v>
          </cell>
          <cell r="G998">
            <v>33</v>
          </cell>
        </row>
        <row r="999">
          <cell r="C999">
            <v>59300</v>
          </cell>
          <cell r="D999" t="str">
            <v>Windows2000 Professionalエキスパートガイド</v>
          </cell>
          <cell r="E999">
            <v>4800</v>
          </cell>
          <cell r="F999" t="str">
            <v>930-3</v>
          </cell>
          <cell r="G999">
            <v>33</v>
          </cell>
        </row>
        <row r="1000">
          <cell r="C1000">
            <v>59301</v>
          </cell>
          <cell r="D1000" t="str">
            <v>DDJ 1993年1月号</v>
          </cell>
          <cell r="E1000">
            <v>951</v>
          </cell>
        </row>
        <row r="1001">
          <cell r="C1001">
            <v>59302</v>
          </cell>
          <cell r="D1001" t="str">
            <v>DDJ 1993年2月号</v>
          </cell>
          <cell r="E1001">
            <v>951</v>
          </cell>
        </row>
        <row r="1002">
          <cell r="C1002">
            <v>59303</v>
          </cell>
          <cell r="D1002" t="str">
            <v>DDJ 1993年3月号</v>
          </cell>
          <cell r="E1002">
            <v>951</v>
          </cell>
        </row>
        <row r="1003">
          <cell r="C1003">
            <v>59304</v>
          </cell>
          <cell r="D1003" t="str">
            <v>DDJ 1993年4月号</v>
          </cell>
          <cell r="E1003">
            <v>951</v>
          </cell>
        </row>
        <row r="1004">
          <cell r="C1004">
            <v>59305</v>
          </cell>
          <cell r="D1004" t="str">
            <v>DDJ 1993年5月号</v>
          </cell>
          <cell r="E1004">
            <v>951</v>
          </cell>
        </row>
        <row r="1005">
          <cell r="C1005">
            <v>59306</v>
          </cell>
          <cell r="D1005" t="str">
            <v>DDJ 1993年6月号</v>
          </cell>
          <cell r="E1005">
            <v>951</v>
          </cell>
        </row>
        <row r="1006">
          <cell r="C1006">
            <v>59307</v>
          </cell>
          <cell r="D1006" t="str">
            <v>DDJ 1993年7月号</v>
          </cell>
          <cell r="E1006">
            <v>951</v>
          </cell>
        </row>
        <row r="1007">
          <cell r="C1007">
            <v>59308</v>
          </cell>
          <cell r="D1007" t="str">
            <v>DDJ 1993年8月号</v>
          </cell>
          <cell r="E1007">
            <v>951</v>
          </cell>
        </row>
        <row r="1008">
          <cell r="C1008">
            <v>59309</v>
          </cell>
          <cell r="D1008" t="str">
            <v>DDJ 1993年9月号</v>
          </cell>
          <cell r="E1008">
            <v>951</v>
          </cell>
        </row>
        <row r="1009">
          <cell r="C1009">
            <v>59310</v>
          </cell>
          <cell r="D1009" t="str">
            <v>DDJ 1993年10月号</v>
          </cell>
          <cell r="E1009">
            <v>951</v>
          </cell>
        </row>
        <row r="1010">
          <cell r="C1010">
            <v>59311</v>
          </cell>
          <cell r="D1010" t="str">
            <v>DDJ 1993年11月号</v>
          </cell>
          <cell r="E1010">
            <v>951</v>
          </cell>
        </row>
        <row r="1011">
          <cell r="C1011">
            <v>59312</v>
          </cell>
          <cell r="D1011" t="str">
            <v>DDJ 1993年12月号</v>
          </cell>
          <cell r="E1011">
            <v>951</v>
          </cell>
        </row>
        <row r="1012">
          <cell r="C1012">
            <v>59320</v>
          </cell>
          <cell r="D1012" t="str">
            <v>iLesson COLORGUIDE AppleWorks6</v>
          </cell>
          <cell r="E1012">
            <v>2000</v>
          </cell>
          <cell r="F1012" t="str">
            <v>932-7</v>
          </cell>
          <cell r="G1012">
            <v>33</v>
          </cell>
        </row>
        <row r="1013">
          <cell r="C1013">
            <v>59330</v>
          </cell>
          <cell r="D1013" t="str">
            <v>クリック＆モルタル</v>
          </cell>
          <cell r="E1013">
            <v>2000</v>
          </cell>
          <cell r="F1013" t="str">
            <v>933-4</v>
          </cell>
          <cell r="G1013">
            <v>11</v>
          </cell>
        </row>
        <row r="1014">
          <cell r="C1014">
            <v>59340</v>
          </cell>
          <cell r="D1014" t="str">
            <v>ネットコミュニティ戦略</v>
          </cell>
          <cell r="E1014">
            <v>2200</v>
          </cell>
          <cell r="F1014" t="str">
            <v>934-1</v>
          </cell>
          <cell r="G1014">
            <v>33</v>
          </cell>
        </row>
        <row r="1015">
          <cell r="C1015">
            <v>59350</v>
          </cell>
          <cell r="D1015" t="str">
            <v>iモードタグ辞典</v>
          </cell>
          <cell r="E1015">
            <v>1500</v>
          </cell>
          <cell r="F1015" t="str">
            <v>935-8</v>
          </cell>
          <cell r="G1015">
            <v>33</v>
          </cell>
        </row>
        <row r="1016">
          <cell r="C1016">
            <v>59360</v>
          </cell>
          <cell r="D1016" t="str">
            <v>Windows2000プログラミング標準講座</v>
          </cell>
          <cell r="E1016">
            <v>5200</v>
          </cell>
          <cell r="F1016" t="str">
            <v>936-5</v>
          </cell>
          <cell r="G1016">
            <v>33</v>
          </cell>
        </row>
        <row r="1017">
          <cell r="C1017">
            <v>59370</v>
          </cell>
          <cell r="D1017" t="str">
            <v>AutoCAD/AutoCAD LTリファレンスガイド LT2000/2000i対応</v>
          </cell>
          <cell r="E1017">
            <v>3800</v>
          </cell>
          <cell r="F1017" t="str">
            <v>937-2</v>
          </cell>
          <cell r="G1017">
            <v>33</v>
          </cell>
        </row>
        <row r="1018">
          <cell r="C1018">
            <v>59380</v>
          </cell>
          <cell r="D1018" t="str">
            <v>Microsoft OLAPソリューション</v>
          </cell>
          <cell r="E1018">
            <v>5800</v>
          </cell>
          <cell r="F1018" t="str">
            <v>938-9</v>
          </cell>
          <cell r="G1018">
            <v>33</v>
          </cell>
        </row>
        <row r="1019">
          <cell r="C1019">
            <v>59390</v>
          </cell>
          <cell r="D1019" t="str">
            <v>Windows2000システム情報徹底活用</v>
          </cell>
          <cell r="E1019">
            <v>2400</v>
          </cell>
          <cell r="F1019" t="str">
            <v>939-6</v>
          </cell>
          <cell r="G1019">
            <v>33</v>
          </cell>
        </row>
        <row r="1020">
          <cell r="C1020">
            <v>59400</v>
          </cell>
          <cell r="D1020" t="str">
            <v>実用システムで学ぶAccess2000データベースシステム</v>
          </cell>
          <cell r="E1020">
            <v>3800</v>
          </cell>
          <cell r="F1020" t="str">
            <v>940-2</v>
          </cell>
          <cell r="G1020">
            <v>33</v>
          </cell>
        </row>
        <row r="1021">
          <cell r="C1021">
            <v>59401</v>
          </cell>
          <cell r="D1021" t="str">
            <v>DDJ 1994年1月号</v>
          </cell>
          <cell r="E1021">
            <v>951</v>
          </cell>
        </row>
        <row r="1022">
          <cell r="C1022">
            <v>59402</v>
          </cell>
          <cell r="D1022" t="str">
            <v>DDJ 1994年2月号</v>
          </cell>
          <cell r="E1022">
            <v>951</v>
          </cell>
        </row>
        <row r="1023">
          <cell r="C1023">
            <v>59403</v>
          </cell>
          <cell r="D1023" t="str">
            <v>DDJ 1994年3月号</v>
          </cell>
          <cell r="E1023">
            <v>951</v>
          </cell>
        </row>
        <row r="1024">
          <cell r="C1024">
            <v>59404</v>
          </cell>
          <cell r="D1024" t="str">
            <v>DDJ 1994年4月号</v>
          </cell>
          <cell r="E1024">
            <v>951</v>
          </cell>
        </row>
        <row r="1025">
          <cell r="C1025">
            <v>59405</v>
          </cell>
          <cell r="D1025" t="str">
            <v>DDJ 1994年5月号</v>
          </cell>
          <cell r="E1025">
            <v>951</v>
          </cell>
        </row>
        <row r="1026">
          <cell r="C1026">
            <v>59406</v>
          </cell>
          <cell r="D1026" t="str">
            <v>DDJ 1994年6月号</v>
          </cell>
          <cell r="E1026">
            <v>951</v>
          </cell>
        </row>
        <row r="1027">
          <cell r="C1027">
            <v>59407</v>
          </cell>
          <cell r="D1027" t="str">
            <v>DDJ 1994年7月号</v>
          </cell>
          <cell r="E1027">
            <v>1165</v>
          </cell>
        </row>
        <row r="1028">
          <cell r="C1028">
            <v>59408</v>
          </cell>
          <cell r="D1028" t="str">
            <v>DDJ 1994年8月号</v>
          </cell>
          <cell r="E1028">
            <v>1165</v>
          </cell>
        </row>
        <row r="1029">
          <cell r="C1029">
            <v>59409</v>
          </cell>
          <cell r="D1029" t="str">
            <v>DDJ 1994年9月号</v>
          </cell>
          <cell r="E1029">
            <v>1165</v>
          </cell>
        </row>
        <row r="1030">
          <cell r="C1030">
            <v>59410</v>
          </cell>
          <cell r="D1030" t="str">
            <v>DDJ 1994年10月号</v>
          </cell>
          <cell r="E1030">
            <v>1165</v>
          </cell>
        </row>
        <row r="1031">
          <cell r="C1031">
            <v>59411</v>
          </cell>
          <cell r="D1031" t="str">
            <v>DDJ 1994年11月号</v>
          </cell>
          <cell r="E1031">
            <v>1165</v>
          </cell>
        </row>
        <row r="1032">
          <cell r="C1032">
            <v>59412</v>
          </cell>
          <cell r="D1032" t="str">
            <v>DDJ 1994年12月号</v>
          </cell>
          <cell r="E1032">
            <v>1165</v>
          </cell>
        </row>
        <row r="1033">
          <cell r="C1033">
            <v>59420</v>
          </cell>
          <cell r="D1033" t="str">
            <v>シンプル・マーケティング</v>
          </cell>
          <cell r="E1033">
            <v>1800</v>
          </cell>
          <cell r="F1033" t="str">
            <v>942-6</v>
          </cell>
          <cell r="G1033">
            <v>33</v>
          </cell>
        </row>
        <row r="1034">
          <cell r="C1034">
            <v>59430</v>
          </cell>
          <cell r="D1034" t="str">
            <v>かんたん楽々宛名職人2001カラーガイド</v>
          </cell>
          <cell r="E1034">
            <v>1400</v>
          </cell>
          <cell r="F1034" t="str">
            <v>943-3</v>
          </cell>
          <cell r="G1034">
            <v>33</v>
          </cell>
        </row>
        <row r="1035">
          <cell r="C1035">
            <v>59440</v>
          </cell>
          <cell r="D1035" t="str">
            <v>かんたん楽々宛名職人ver.8カラーガイド</v>
          </cell>
          <cell r="E1035">
            <v>1400</v>
          </cell>
          <cell r="F1035" t="str">
            <v>944-0</v>
          </cell>
          <cell r="G1035">
            <v>33</v>
          </cell>
        </row>
        <row r="1036">
          <cell r="C1036">
            <v>59450</v>
          </cell>
          <cell r="D1036" t="str">
            <v>オンラインミュージックマガジンOOPS!</v>
          </cell>
          <cell r="E1036">
            <v>1500</v>
          </cell>
          <cell r="F1036" t="str">
            <v>945-7</v>
          </cell>
          <cell r="G1036">
            <v>33</v>
          </cell>
        </row>
        <row r="1037">
          <cell r="C1037">
            <v>59460</v>
          </cell>
          <cell r="D1037" t="str">
            <v>セキュアシェルリファレンス</v>
          </cell>
          <cell r="E1037">
            <v>2800</v>
          </cell>
          <cell r="F1037" t="str">
            <v>946-4</v>
          </cell>
          <cell r="G1037">
            <v>33</v>
          </cell>
        </row>
        <row r="1038">
          <cell r="C1038">
            <v>59470</v>
          </cell>
          <cell r="D1038" t="str">
            <v>よくわかるJava</v>
          </cell>
          <cell r="E1038">
            <v>1600</v>
          </cell>
          <cell r="F1038" t="str">
            <v>947-1</v>
          </cell>
          <cell r="G1038">
            <v>33</v>
          </cell>
        </row>
        <row r="1039">
          <cell r="C1039">
            <v>59480</v>
          </cell>
          <cell r="D1039" t="str">
            <v>ソフトウェアの20世紀</v>
          </cell>
          <cell r="E1039">
            <v>2400</v>
          </cell>
          <cell r="F1039" t="str">
            <v>948-8</v>
          </cell>
          <cell r="G1039">
            <v>33</v>
          </cell>
        </row>
        <row r="1040">
          <cell r="C1040">
            <v>59490</v>
          </cell>
          <cell r="D1040" t="str">
            <v>Debian/GNU Linux徹底入門 Potato対応 改訂版</v>
          </cell>
          <cell r="E1040">
            <v>4500</v>
          </cell>
          <cell r="F1040" t="str">
            <v>949-5</v>
          </cell>
          <cell r="G1040">
            <v>33</v>
          </cell>
        </row>
        <row r="1041">
          <cell r="C1041">
            <v>59500</v>
          </cell>
          <cell r="D1041" t="str">
            <v>はじめる ウインドウズMe</v>
          </cell>
          <cell r="E1041">
            <v>1400</v>
          </cell>
          <cell r="F1041" t="str">
            <v>950-1</v>
          </cell>
          <cell r="G1041">
            <v>33</v>
          </cell>
        </row>
        <row r="1042">
          <cell r="C1042">
            <v>59501</v>
          </cell>
          <cell r="D1042" t="str">
            <v>DDJ 1995年1月号</v>
          </cell>
          <cell r="E1042">
            <v>1165</v>
          </cell>
        </row>
        <row r="1043">
          <cell r="C1043">
            <v>59502</v>
          </cell>
          <cell r="D1043" t="str">
            <v>DDJ 1995年2月号</v>
          </cell>
          <cell r="E1043">
            <v>1165</v>
          </cell>
        </row>
        <row r="1044">
          <cell r="C1044">
            <v>59503</v>
          </cell>
          <cell r="D1044" t="str">
            <v>DDJ 1995年3月号</v>
          </cell>
          <cell r="E1044">
            <v>1165</v>
          </cell>
        </row>
        <row r="1045">
          <cell r="C1045">
            <v>59504</v>
          </cell>
          <cell r="D1045" t="str">
            <v>DDJ 1995年4月号</v>
          </cell>
          <cell r="E1045">
            <v>1165</v>
          </cell>
        </row>
        <row r="1046">
          <cell r="C1046">
            <v>59505</v>
          </cell>
          <cell r="D1046" t="str">
            <v>DDJ 1995年5月号</v>
          </cell>
          <cell r="E1046">
            <v>1165</v>
          </cell>
        </row>
        <row r="1047">
          <cell r="C1047">
            <v>59506</v>
          </cell>
          <cell r="D1047" t="str">
            <v>DDJ 1995年6月号</v>
          </cell>
          <cell r="E1047">
            <v>1165</v>
          </cell>
        </row>
        <row r="1048">
          <cell r="C1048">
            <v>59507</v>
          </cell>
          <cell r="D1048" t="str">
            <v>DDJ 1995年7月号</v>
          </cell>
          <cell r="E1048">
            <v>1165</v>
          </cell>
        </row>
        <row r="1049">
          <cell r="C1049">
            <v>59508</v>
          </cell>
          <cell r="D1049" t="str">
            <v>DDJ 1995年8月号</v>
          </cell>
          <cell r="E1049">
            <v>1165</v>
          </cell>
        </row>
        <row r="1050">
          <cell r="C1050">
            <v>59509</v>
          </cell>
          <cell r="D1050" t="str">
            <v>DDJ 1995年9月号</v>
          </cell>
          <cell r="E1050">
            <v>1165</v>
          </cell>
        </row>
        <row r="1051">
          <cell r="C1051">
            <v>59510</v>
          </cell>
          <cell r="D1051" t="str">
            <v>DDJ 1995年10月号</v>
          </cell>
          <cell r="E1051">
            <v>1165</v>
          </cell>
        </row>
        <row r="1052">
          <cell r="C1052">
            <v>59511</v>
          </cell>
          <cell r="D1052" t="str">
            <v>DDJ 1995年11月号</v>
          </cell>
          <cell r="E1052">
            <v>1165</v>
          </cell>
        </row>
        <row r="1053">
          <cell r="C1053">
            <v>59512</v>
          </cell>
          <cell r="D1053" t="str">
            <v>DDJ 1995年12月号</v>
          </cell>
          <cell r="E1053">
            <v>1165</v>
          </cell>
        </row>
        <row r="1054">
          <cell r="C1054">
            <v>59520</v>
          </cell>
          <cell r="D1054" t="str">
            <v>ウェブ・デザインマニュアル sideA-SCRIPT編</v>
          </cell>
          <cell r="E1054">
            <v>1800</v>
          </cell>
          <cell r="F1054" t="str">
            <v>952-5</v>
          </cell>
          <cell r="G1054">
            <v>33</v>
          </cell>
        </row>
        <row r="1055">
          <cell r="C1055">
            <v>59530</v>
          </cell>
          <cell r="D1055" t="str">
            <v>ウェブ・デザインマニュアル sideB-TOOL編</v>
          </cell>
          <cell r="E1055">
            <v>1800</v>
          </cell>
          <cell r="F1055" t="str">
            <v>953-2</v>
          </cell>
          <cell r="G1055">
            <v>33</v>
          </cell>
        </row>
        <row r="1056">
          <cell r="C1056">
            <v>59540</v>
          </cell>
          <cell r="D1056" t="str">
            <v>DREAMWEAVER WEB  MASTERING BOOK</v>
          </cell>
          <cell r="E1056">
            <v>3400</v>
          </cell>
          <cell r="F1056" t="str">
            <v>954-9</v>
          </cell>
          <cell r="G1056">
            <v>33</v>
          </cell>
        </row>
        <row r="1057">
          <cell r="C1057">
            <v>59550</v>
          </cell>
          <cell r="D1057" t="str">
            <v>これが売れてるホームページだ!</v>
          </cell>
          <cell r="E1057">
            <v>1380</v>
          </cell>
          <cell r="F1057" t="str">
            <v>955-6</v>
          </cell>
          <cell r="G1057">
            <v>33</v>
          </cell>
        </row>
        <row r="1058">
          <cell r="C1058">
            <v>59560</v>
          </cell>
          <cell r="D1058" t="str">
            <v>GNU C++プログラミング</v>
          </cell>
          <cell r="E1058">
            <v>6800</v>
          </cell>
          <cell r="F1058" t="str">
            <v>956-3</v>
          </cell>
          <cell r="G1058">
            <v>33</v>
          </cell>
        </row>
        <row r="1059">
          <cell r="C1059">
            <v>59570</v>
          </cell>
          <cell r="D1059" t="str">
            <v>10日でおぼえる VisualC++6.0入門教室</v>
          </cell>
          <cell r="E1059">
            <v>3200</v>
          </cell>
          <cell r="F1059" t="str">
            <v>957-0</v>
          </cell>
          <cell r="G1059">
            <v>21</v>
          </cell>
        </row>
        <row r="1060">
          <cell r="C1060">
            <v>59580</v>
          </cell>
          <cell r="D1060" t="str">
            <v>はじめる インターネットIE5.5&amp;OE5.5</v>
          </cell>
          <cell r="E1060">
            <v>1400</v>
          </cell>
          <cell r="F1060" t="str">
            <v>958-7</v>
          </cell>
          <cell r="G1060">
            <v>33</v>
          </cell>
        </row>
        <row r="1061">
          <cell r="C1061">
            <v>59590</v>
          </cell>
          <cell r="D1061" t="str">
            <v>あなたの情報はこうして盗まれる</v>
          </cell>
          <cell r="E1061">
            <v>2200</v>
          </cell>
          <cell r="F1061" t="str">
            <v>959-4</v>
          </cell>
          <cell r="G1061">
            <v>33</v>
          </cell>
        </row>
        <row r="1062">
          <cell r="C1062">
            <v>59600</v>
          </cell>
          <cell r="D1062" t="str">
            <v>ADSL実装ガイド</v>
          </cell>
          <cell r="E1062">
            <v>4200</v>
          </cell>
          <cell r="F1062" t="str">
            <v>960-0</v>
          </cell>
          <cell r="G1062">
            <v>33</v>
          </cell>
        </row>
        <row r="1063">
          <cell r="C1063">
            <v>59601</v>
          </cell>
          <cell r="D1063" t="str">
            <v>DDJ 1996年1月号</v>
          </cell>
          <cell r="E1063">
            <v>1165</v>
          </cell>
        </row>
        <row r="1064">
          <cell r="C1064">
            <v>59602</v>
          </cell>
          <cell r="D1064" t="str">
            <v>DDJ 1996年2月号</v>
          </cell>
          <cell r="E1064">
            <v>1165</v>
          </cell>
        </row>
        <row r="1065">
          <cell r="C1065">
            <v>59603</v>
          </cell>
          <cell r="D1065" t="str">
            <v>DDJ 1996年3月号</v>
          </cell>
          <cell r="E1065">
            <v>1165</v>
          </cell>
        </row>
        <row r="1066">
          <cell r="C1066">
            <v>59604</v>
          </cell>
          <cell r="D1066" t="str">
            <v>DDJ 1996年4月号</v>
          </cell>
          <cell r="E1066">
            <v>1165</v>
          </cell>
        </row>
        <row r="1067">
          <cell r="C1067">
            <v>59605</v>
          </cell>
          <cell r="D1067" t="str">
            <v>DDJ 1996年5月号</v>
          </cell>
          <cell r="E1067">
            <v>1165</v>
          </cell>
        </row>
        <row r="1068">
          <cell r="C1068">
            <v>59606</v>
          </cell>
          <cell r="D1068" t="str">
            <v>DDJ 1996年6月号</v>
          </cell>
          <cell r="E1068">
            <v>1165</v>
          </cell>
        </row>
        <row r="1069">
          <cell r="C1069">
            <v>59607</v>
          </cell>
          <cell r="D1069" t="str">
            <v>DDJ 1996年7月号</v>
          </cell>
          <cell r="E1069">
            <v>1165</v>
          </cell>
        </row>
        <row r="1070">
          <cell r="C1070">
            <v>59608</v>
          </cell>
          <cell r="D1070" t="str">
            <v>DDJ 1996年8月号</v>
          </cell>
          <cell r="E1070">
            <v>1165</v>
          </cell>
        </row>
        <row r="1071">
          <cell r="C1071">
            <v>59609</v>
          </cell>
          <cell r="D1071" t="str">
            <v>DDJ 1996年9月号</v>
          </cell>
          <cell r="E1071">
            <v>1165</v>
          </cell>
        </row>
        <row r="1072">
          <cell r="C1072">
            <v>59610</v>
          </cell>
          <cell r="D1072" t="str">
            <v>DDJ 1996年10月号</v>
          </cell>
          <cell r="E1072">
            <v>1165</v>
          </cell>
        </row>
        <row r="1073">
          <cell r="C1073">
            <v>59611</v>
          </cell>
          <cell r="D1073" t="str">
            <v>DDJ 1996年11月号</v>
          </cell>
          <cell r="E1073">
            <v>1165</v>
          </cell>
        </row>
        <row r="1074">
          <cell r="C1074">
            <v>59612</v>
          </cell>
          <cell r="D1074" t="str">
            <v>DDJ 1996年12月号</v>
          </cell>
          <cell r="E1074">
            <v>1165</v>
          </cell>
        </row>
        <row r="1075">
          <cell r="C1075">
            <v>59620</v>
          </cell>
          <cell r="D1075" t="str">
            <v>LinuxでマルチOS VMware・Basilisk2・VNCの使い方</v>
          </cell>
          <cell r="E1075">
            <v>2800</v>
          </cell>
          <cell r="F1075" t="str">
            <v>962-4</v>
          </cell>
          <cell r="G1075">
            <v>33</v>
          </cell>
        </row>
        <row r="1076">
          <cell r="C1076">
            <v>59630</v>
          </cell>
          <cell r="D1076" t="str">
            <v>よくわかるインターネット広告</v>
          </cell>
          <cell r="E1076">
            <v>1600</v>
          </cell>
          <cell r="F1076" t="str">
            <v>963-1</v>
          </cell>
          <cell r="G1076">
            <v>33</v>
          </cell>
        </row>
        <row r="1077">
          <cell r="C1077">
            <v>59640</v>
          </cell>
          <cell r="D1077" t="str">
            <v>はじめる 電子メールOutlookExperss5.5編</v>
          </cell>
          <cell r="E1077">
            <v>1400</v>
          </cell>
          <cell r="F1077" t="str">
            <v>964-8</v>
          </cell>
          <cell r="G1077">
            <v>33</v>
          </cell>
        </row>
        <row r="1078">
          <cell r="C1078">
            <v>59650</v>
          </cell>
          <cell r="D1078" t="str">
            <v>Oracleデスクリファレンス</v>
          </cell>
          <cell r="E1078">
            <v>4200</v>
          </cell>
          <cell r="F1078" t="str">
            <v>965-5</v>
          </cell>
          <cell r="G1078">
            <v>33</v>
          </cell>
        </row>
        <row r="1079">
          <cell r="C1079">
            <v>59660</v>
          </cell>
          <cell r="D1079" t="str">
            <v>Oracle8i DBAハンドブック</v>
          </cell>
          <cell r="E1079">
            <v>6800</v>
          </cell>
          <cell r="F1079" t="str">
            <v>966-2</v>
          </cell>
          <cell r="G1079">
            <v>33</v>
          </cell>
        </row>
        <row r="1080">
          <cell r="C1080">
            <v>59670</v>
          </cell>
          <cell r="D1080" t="str">
            <v>CISCOビギナーズガイド</v>
          </cell>
          <cell r="E1080">
            <v>4800</v>
          </cell>
          <cell r="F1080" t="str">
            <v>967-9</v>
          </cell>
          <cell r="G1080">
            <v>33</v>
          </cell>
        </row>
        <row r="1081">
          <cell r="C1081">
            <v>59680</v>
          </cell>
          <cell r="D1081" t="str">
            <v>Oracleデータベース管理を極める13章</v>
          </cell>
          <cell r="E1081">
            <v>2200</v>
          </cell>
          <cell r="F1081" t="str">
            <v>968-6</v>
          </cell>
          <cell r="G1081">
            <v>11</v>
          </cell>
        </row>
        <row r="1082">
          <cell r="C1082">
            <v>59690</v>
          </cell>
          <cell r="D1082" t="str">
            <v>Flash Web Design Book for ver5</v>
          </cell>
          <cell r="E1082">
            <v>3800</v>
          </cell>
          <cell r="F1082" t="str">
            <v>969-3</v>
          </cell>
          <cell r="G1082">
            <v>33</v>
          </cell>
        </row>
        <row r="1083">
          <cell r="C1083">
            <v>59700</v>
          </cell>
          <cell r="D1083" t="str">
            <v>Illustratorの王様</v>
          </cell>
          <cell r="E1083">
            <v>2000</v>
          </cell>
          <cell r="F1083" t="str">
            <v>970-9</v>
          </cell>
          <cell r="G1083">
            <v>33</v>
          </cell>
        </row>
        <row r="1084">
          <cell r="C1084">
            <v>59701</v>
          </cell>
          <cell r="D1084" t="str">
            <v>DDJ 1997年1月号</v>
          </cell>
          <cell r="E1084">
            <v>1165</v>
          </cell>
        </row>
        <row r="1085">
          <cell r="C1085">
            <v>59702</v>
          </cell>
          <cell r="D1085" t="str">
            <v>DDJ 1997年2月号</v>
          </cell>
          <cell r="E1085">
            <v>1165</v>
          </cell>
        </row>
        <row r="1086">
          <cell r="C1086">
            <v>59703</v>
          </cell>
          <cell r="D1086" t="str">
            <v>DDJ 1997年3月号</v>
          </cell>
          <cell r="E1086">
            <v>1165</v>
          </cell>
        </row>
        <row r="1087">
          <cell r="C1087">
            <v>59704</v>
          </cell>
          <cell r="D1087" t="str">
            <v>DDJ 1997年4月号</v>
          </cell>
          <cell r="E1087">
            <v>1165</v>
          </cell>
        </row>
        <row r="1088">
          <cell r="C1088">
            <v>59705</v>
          </cell>
          <cell r="D1088" t="str">
            <v>DDJ 1997年5月号</v>
          </cell>
          <cell r="E1088">
            <v>1143</v>
          </cell>
        </row>
        <row r="1089">
          <cell r="C1089">
            <v>59706</v>
          </cell>
          <cell r="D1089" t="str">
            <v>DDJ 1997年6月号</v>
          </cell>
          <cell r="E1089">
            <v>1143</v>
          </cell>
        </row>
        <row r="1090">
          <cell r="C1090">
            <v>59707</v>
          </cell>
          <cell r="D1090" t="str">
            <v>DDJ 1997年7月号</v>
          </cell>
          <cell r="E1090">
            <v>1143</v>
          </cell>
        </row>
        <row r="1091">
          <cell r="C1091">
            <v>59708</v>
          </cell>
          <cell r="D1091" t="str">
            <v>DDJ 1997年8月号</v>
          </cell>
          <cell r="E1091">
            <v>1143</v>
          </cell>
        </row>
        <row r="1092">
          <cell r="C1092">
            <v>59709</v>
          </cell>
          <cell r="D1092" t="str">
            <v>DDJ 1997年9月号</v>
          </cell>
          <cell r="E1092">
            <v>1143</v>
          </cell>
        </row>
        <row r="1093">
          <cell r="C1093">
            <v>59710</v>
          </cell>
          <cell r="D1093" t="str">
            <v>DDJ 1997年10月号</v>
          </cell>
          <cell r="E1093">
            <v>1143</v>
          </cell>
        </row>
        <row r="1094">
          <cell r="C1094">
            <v>59711</v>
          </cell>
          <cell r="D1094" t="str">
            <v>DDJ 1997年11月号</v>
          </cell>
          <cell r="E1094">
            <v>1314</v>
          </cell>
        </row>
        <row r="1095">
          <cell r="C1095">
            <v>59712</v>
          </cell>
          <cell r="D1095" t="str">
            <v>DDJ 1997年12月号</v>
          </cell>
          <cell r="E1095">
            <v>1314</v>
          </cell>
        </row>
        <row r="1096">
          <cell r="C1096">
            <v>59720</v>
          </cell>
          <cell r="D1096" t="str">
            <v>図解 AutoCAD LT2000スタートアップガイド 新装版</v>
          </cell>
          <cell r="E1096">
            <v>2800</v>
          </cell>
          <cell r="F1096" t="str">
            <v>972-3</v>
          </cell>
          <cell r="G1096">
            <v>33</v>
          </cell>
        </row>
        <row r="1097">
          <cell r="C1097">
            <v>59730</v>
          </cell>
          <cell r="D1097" t="str">
            <v>全部無料でつくる はじめてのホームページ for WindowsMe/98</v>
          </cell>
          <cell r="E1097">
            <v>1980</v>
          </cell>
          <cell r="F1097" t="str">
            <v>973-0</v>
          </cell>
          <cell r="G1097">
            <v>33</v>
          </cell>
        </row>
        <row r="1098">
          <cell r="C1098">
            <v>59740</v>
          </cell>
          <cell r="D1098" t="str">
            <v>Solarisセキュリティ</v>
          </cell>
          <cell r="E1098">
            <v>3200</v>
          </cell>
          <cell r="F1098" t="str">
            <v>974-7</v>
          </cell>
          <cell r="G1098">
            <v>11</v>
          </cell>
        </row>
        <row r="1099">
          <cell r="C1099">
            <v>59750</v>
          </cell>
          <cell r="D1099" t="str">
            <v>MOUS教科書 Word2000 上級試験</v>
          </cell>
          <cell r="E1099">
            <v>2480</v>
          </cell>
          <cell r="F1099" t="str">
            <v>975-4</v>
          </cell>
          <cell r="G1099">
            <v>33</v>
          </cell>
        </row>
        <row r="1100">
          <cell r="C1100">
            <v>59760</v>
          </cell>
          <cell r="D1100" t="str">
            <v>MOUS教科書 Excel2000 上級試験</v>
          </cell>
          <cell r="E1100">
            <v>2480</v>
          </cell>
          <cell r="F1100" t="str">
            <v>976-1</v>
          </cell>
          <cell r="G1100">
            <v>33</v>
          </cell>
        </row>
        <row r="1101">
          <cell r="C1101">
            <v>59770</v>
          </cell>
          <cell r="D1101" t="str">
            <v>MySQL徹底入門</v>
          </cell>
          <cell r="E1101">
            <v>3200</v>
          </cell>
          <cell r="F1101" t="str">
            <v>977-8</v>
          </cell>
          <cell r="G1101">
            <v>33</v>
          </cell>
        </row>
        <row r="1102">
          <cell r="C1102">
            <v>59780</v>
          </cell>
          <cell r="D1102" t="str">
            <v>Essential XML</v>
          </cell>
          <cell r="E1102">
            <v>3200</v>
          </cell>
          <cell r="F1102" t="str">
            <v>978-5</v>
          </cell>
          <cell r="G1102">
            <v>33</v>
          </cell>
        </row>
        <row r="1103">
          <cell r="C1103">
            <v>59790</v>
          </cell>
          <cell r="D1103" t="str">
            <v>リアルタイムUML 第2版</v>
          </cell>
          <cell r="E1103">
            <v>3800</v>
          </cell>
          <cell r="F1103" t="str">
            <v>979-2</v>
          </cell>
          <cell r="G1103">
            <v>11</v>
          </cell>
        </row>
        <row r="1104">
          <cell r="C1104">
            <v>59800</v>
          </cell>
          <cell r="D1104" t="str">
            <v>ソフトウェアの未来</v>
          </cell>
          <cell r="E1104">
            <v>2600</v>
          </cell>
          <cell r="F1104" t="str">
            <v>980-8</v>
          </cell>
          <cell r="G1104">
            <v>33</v>
          </cell>
        </row>
        <row r="1105">
          <cell r="C1105">
            <v>59801</v>
          </cell>
          <cell r="D1105" t="str">
            <v>DDJ 1998年1月号</v>
          </cell>
          <cell r="E1105">
            <v>1314</v>
          </cell>
        </row>
        <row r="1106">
          <cell r="C1106">
            <v>59802</v>
          </cell>
          <cell r="D1106" t="str">
            <v>DDJ 1998年2月号</v>
          </cell>
          <cell r="E1106">
            <v>1314</v>
          </cell>
        </row>
        <row r="1107">
          <cell r="C1107">
            <v>59803</v>
          </cell>
          <cell r="D1107" t="str">
            <v>DDJ 1998年3月号</v>
          </cell>
          <cell r="E1107">
            <v>1314</v>
          </cell>
        </row>
        <row r="1108">
          <cell r="C1108">
            <v>59804</v>
          </cell>
          <cell r="D1108" t="str">
            <v>DDJ 1998年4月号</v>
          </cell>
          <cell r="E1108">
            <v>1314</v>
          </cell>
        </row>
        <row r="1109">
          <cell r="C1109">
            <v>59805</v>
          </cell>
          <cell r="D1109" t="str">
            <v>DDJ 1998年5月号</v>
          </cell>
          <cell r="E1109">
            <v>1314</v>
          </cell>
        </row>
        <row r="1110">
          <cell r="C1110">
            <v>59806</v>
          </cell>
          <cell r="D1110" t="str">
            <v>DDJ 1998年6月号</v>
          </cell>
          <cell r="E1110">
            <v>1314</v>
          </cell>
        </row>
        <row r="1111">
          <cell r="C1111">
            <v>59807</v>
          </cell>
          <cell r="D1111" t="str">
            <v>DDJ 1998年7月号</v>
          </cell>
          <cell r="E1111">
            <v>1314</v>
          </cell>
        </row>
        <row r="1112">
          <cell r="C1112">
            <v>59808</v>
          </cell>
          <cell r="D1112" t="str">
            <v>DDJ 1998年8月号</v>
          </cell>
          <cell r="E1112">
            <v>1314</v>
          </cell>
        </row>
        <row r="1113">
          <cell r="C1113">
            <v>59809</v>
          </cell>
          <cell r="D1113" t="str">
            <v>DDJ 1998年9月号</v>
          </cell>
          <cell r="E1113">
            <v>1314</v>
          </cell>
        </row>
        <row r="1114">
          <cell r="C1114">
            <v>59810</v>
          </cell>
          <cell r="D1114" t="str">
            <v>DDJ 1998年10月号</v>
          </cell>
          <cell r="E1114">
            <v>1314</v>
          </cell>
        </row>
        <row r="1115">
          <cell r="C1115">
            <v>59811</v>
          </cell>
          <cell r="D1115" t="str">
            <v>DDJ 1998年11月号</v>
          </cell>
          <cell r="E1115">
            <v>1314</v>
          </cell>
        </row>
        <row r="1116">
          <cell r="C1116">
            <v>59812</v>
          </cell>
          <cell r="D1116" t="str">
            <v>DDJ 1998年12月号</v>
          </cell>
          <cell r="E1116">
            <v>1314</v>
          </cell>
        </row>
        <row r="1117">
          <cell r="C1117">
            <v>59820</v>
          </cell>
          <cell r="D1117" t="str">
            <v>最新eビジネス50の鉄則</v>
          </cell>
          <cell r="E1117">
            <v>1400</v>
          </cell>
          <cell r="F1117" t="str">
            <v>982-2</v>
          </cell>
          <cell r="G1117">
            <v>33</v>
          </cell>
        </row>
        <row r="1118">
          <cell r="C1118">
            <v>59830</v>
          </cell>
          <cell r="D1118" t="str">
            <v>Java 1 Javaではじめるプログラミング</v>
          </cell>
          <cell r="E1118">
            <v>2400</v>
          </cell>
          <cell r="F1118" t="str">
            <v>983-9</v>
          </cell>
          <cell r="G1118">
            <v>33</v>
          </cell>
        </row>
        <row r="1119">
          <cell r="C1119">
            <v>59840</v>
          </cell>
          <cell r="D1119" t="str">
            <v>Java 2 Javaではじめるオブジェクト指向プログラミング</v>
          </cell>
          <cell r="E1119">
            <v>2400</v>
          </cell>
          <cell r="F1119" t="str">
            <v>984-6</v>
          </cell>
          <cell r="G1119">
            <v>33</v>
          </cell>
        </row>
        <row r="1120">
          <cell r="C1120">
            <v>59850</v>
          </cell>
          <cell r="D1120" t="str">
            <v>奪われし未来 増補改訂版</v>
          </cell>
          <cell r="E1120">
            <v>1400</v>
          </cell>
          <cell r="F1120" t="str">
            <v>985-3</v>
          </cell>
          <cell r="G1120">
            <v>11</v>
          </cell>
        </row>
        <row r="1121">
          <cell r="C1121">
            <v>59860</v>
          </cell>
          <cell r="D1121" t="str">
            <v>MCSE教科書 Windows2000 Server</v>
          </cell>
          <cell r="E1121">
            <v>3800</v>
          </cell>
          <cell r="F1121" t="str">
            <v>986-0</v>
          </cell>
          <cell r="G1121">
            <v>11</v>
          </cell>
        </row>
        <row r="1122">
          <cell r="C1122">
            <v>59870</v>
          </cell>
          <cell r="D1122" t="str">
            <v>MCSE教科書 Windows2000 Directory Services</v>
          </cell>
          <cell r="E1122">
            <v>3800</v>
          </cell>
          <cell r="F1122" t="str">
            <v>987-7</v>
          </cell>
          <cell r="G1122">
            <v>21</v>
          </cell>
        </row>
        <row r="1123">
          <cell r="C1123">
            <v>59880</v>
          </cell>
          <cell r="D1123" t="str">
            <v>MCSE教科書 Windows2000 Professional</v>
          </cell>
          <cell r="E1123">
            <v>3800</v>
          </cell>
          <cell r="F1123" t="str">
            <v>988-4</v>
          </cell>
          <cell r="G1123">
            <v>11</v>
          </cell>
        </row>
        <row r="1124">
          <cell r="C1124">
            <v>59890</v>
          </cell>
          <cell r="D1124" t="str">
            <v>MCSE教科書 Windows2000 Network</v>
          </cell>
          <cell r="E1124">
            <v>3800</v>
          </cell>
          <cell r="F1124" t="str">
            <v>989-1</v>
          </cell>
          <cell r="G1124">
            <v>21</v>
          </cell>
        </row>
        <row r="1125">
          <cell r="C1125">
            <v>59900</v>
          </cell>
          <cell r="D1125" t="str">
            <v>HTMLタグ辞典 第4版</v>
          </cell>
          <cell r="E1125">
            <v>1500</v>
          </cell>
          <cell r="F1125" t="str">
            <v>990-7</v>
          </cell>
          <cell r="G1125">
            <v>33</v>
          </cell>
        </row>
        <row r="1126">
          <cell r="C1126">
            <v>59901</v>
          </cell>
          <cell r="D1126" t="str">
            <v>DDJ 1999年1月号</v>
          </cell>
          <cell r="E1126">
            <v>1314</v>
          </cell>
        </row>
        <row r="1127">
          <cell r="C1127">
            <v>59902</v>
          </cell>
          <cell r="D1127" t="str">
            <v>DDJ 1999年2月号</v>
          </cell>
          <cell r="E1127">
            <v>1314</v>
          </cell>
        </row>
        <row r="1128">
          <cell r="C1128">
            <v>59903</v>
          </cell>
          <cell r="D1128" t="str">
            <v>DDJ 1999年3月号</v>
          </cell>
          <cell r="E1128">
            <v>1314</v>
          </cell>
        </row>
        <row r="1129">
          <cell r="C1129">
            <v>59904</v>
          </cell>
          <cell r="D1129" t="str">
            <v>DDJ 1999年4月号</v>
          </cell>
          <cell r="E1129">
            <v>1314</v>
          </cell>
        </row>
        <row r="1130">
          <cell r="C1130">
            <v>59906</v>
          </cell>
          <cell r="D1130" t="str">
            <v>トランテック 1999年6月号</v>
          </cell>
          <cell r="E1130">
            <v>1314</v>
          </cell>
        </row>
        <row r="1131">
          <cell r="C1131">
            <v>59907</v>
          </cell>
          <cell r="D1131" t="str">
            <v>トランテック 1999年7月号</v>
          </cell>
          <cell r="E1131">
            <v>1314</v>
          </cell>
        </row>
        <row r="1132">
          <cell r="C1132">
            <v>59908</v>
          </cell>
          <cell r="D1132" t="str">
            <v>トランテック 1999年8月号</v>
          </cell>
          <cell r="E1132">
            <v>1314</v>
          </cell>
        </row>
        <row r="1133">
          <cell r="C1133">
            <v>59909</v>
          </cell>
          <cell r="D1133" t="str">
            <v>トランテック 1999年9月号</v>
          </cell>
          <cell r="E1133">
            <v>1314</v>
          </cell>
        </row>
        <row r="1134">
          <cell r="C1134">
            <v>59910</v>
          </cell>
          <cell r="D1134" t="str">
            <v>トランテック 1999年10月号</v>
          </cell>
          <cell r="E1134">
            <v>1314</v>
          </cell>
        </row>
        <row r="1135">
          <cell r="C1135">
            <v>59911</v>
          </cell>
          <cell r="D1135" t="str">
            <v>トランテック 1999年11月号</v>
          </cell>
          <cell r="E1135">
            <v>1314</v>
          </cell>
        </row>
        <row r="1136">
          <cell r="C1136">
            <v>59912</v>
          </cell>
          <cell r="D1136" t="str">
            <v>トランテック 1999年12月号</v>
          </cell>
          <cell r="E1136">
            <v>1314</v>
          </cell>
        </row>
        <row r="1137">
          <cell r="C1137">
            <v>59920</v>
          </cell>
          <cell r="D1137" t="str">
            <v>今年こそ引く!インターネット常時接続導入ガイド</v>
          </cell>
          <cell r="E1137">
            <v>1680</v>
          </cell>
          <cell r="F1137" t="str">
            <v>992-1</v>
          </cell>
          <cell r="G1137">
            <v>33</v>
          </cell>
        </row>
        <row r="1138">
          <cell r="C1138">
            <v>59930</v>
          </cell>
          <cell r="D1138" t="str">
            <v>CODE:インターネットにおける合法違法プライバシー</v>
          </cell>
          <cell r="E1138">
            <v>2800</v>
          </cell>
          <cell r="F1138" t="str">
            <v>993-8</v>
          </cell>
          <cell r="G1138">
            <v>11</v>
          </cell>
        </row>
        <row r="1139">
          <cell r="C1139">
            <v>59940</v>
          </cell>
          <cell r="D1139" t="str">
            <v>DB2 EveryplaceでモバイルRDB徹底活用</v>
          </cell>
          <cell r="E1139">
            <v>2800</v>
          </cell>
          <cell r="F1139" t="str">
            <v>994-5</v>
          </cell>
          <cell r="G1139">
            <v>33</v>
          </cell>
        </row>
        <row r="1140">
          <cell r="C1140">
            <v>59950</v>
          </cell>
          <cell r="D1140" t="str">
            <v>MITコンピュータサイエンス・ラボ所長ダートウゾス教授のIT学講義</v>
          </cell>
          <cell r="E1140">
            <v>2200</v>
          </cell>
          <cell r="F1140" t="str">
            <v>995-2</v>
          </cell>
          <cell r="G1140">
            <v>11</v>
          </cell>
        </row>
        <row r="1141">
          <cell r="C1141">
            <v>59960</v>
          </cell>
          <cell r="D1141" t="str">
            <v>暗号の秘密とウソ ネットワーク社会のデジタルセキュリティ</v>
          </cell>
          <cell r="E1141">
            <v>2800</v>
          </cell>
          <cell r="F1141" t="str">
            <v>996-9</v>
          </cell>
          <cell r="G1141">
            <v>11</v>
          </cell>
        </row>
        <row r="1142">
          <cell r="C1142">
            <v>59970</v>
          </cell>
          <cell r="D1142" t="str">
            <v>Webプログラミング 1 はじめてのHTML&amp;JavaScript</v>
          </cell>
          <cell r="E1142">
            <v>2400</v>
          </cell>
          <cell r="F1142" t="str">
            <v>997-6</v>
          </cell>
          <cell r="G1142">
            <v>33</v>
          </cell>
        </row>
        <row r="1143">
          <cell r="C1143">
            <v>59980</v>
          </cell>
          <cell r="D1143" t="str">
            <v>Webプログラミング 2 はじめてのXML</v>
          </cell>
          <cell r="E1143">
            <v>2400</v>
          </cell>
          <cell r="F1143" t="str">
            <v>998-3</v>
          </cell>
          <cell r="G1143">
            <v>33</v>
          </cell>
        </row>
        <row r="1144">
          <cell r="C1144">
            <v>59990</v>
          </cell>
          <cell r="D1144" t="str">
            <v>Excel VBA即効サンプル集</v>
          </cell>
          <cell r="E1144">
            <v>1800</v>
          </cell>
          <cell r="F1144" t="str">
            <v>999-0</v>
          </cell>
          <cell r="G1144">
            <v>33</v>
          </cell>
        </row>
        <row r="1145">
          <cell r="C1145">
            <v>60001</v>
          </cell>
          <cell r="D1145" t="str">
            <v>DBマガジン 2000年1月号(トランテック2000年1月号別冊)</v>
          </cell>
          <cell r="E1145">
            <v>1505</v>
          </cell>
        </row>
        <row r="1146">
          <cell r="C1146">
            <v>60002</v>
          </cell>
          <cell r="D1146" t="str">
            <v>DBマガジン 2000年2月号(トランテック2000年2月号別冊)</v>
          </cell>
          <cell r="E1146">
            <v>1505</v>
          </cell>
        </row>
        <row r="1147">
          <cell r="C1147">
            <v>60003</v>
          </cell>
          <cell r="D1147" t="str">
            <v>DBマガジン 2000年3月号(トランテック2000年3月号別冊)</v>
          </cell>
          <cell r="E1147">
            <v>1505</v>
          </cell>
        </row>
        <row r="1148">
          <cell r="C1148">
            <v>60004</v>
          </cell>
          <cell r="D1148" t="str">
            <v>DBマガジン 2000年4月号(トランテック2000年4月号別冊)</v>
          </cell>
          <cell r="E1148">
            <v>1505</v>
          </cell>
        </row>
        <row r="1149">
          <cell r="C1149">
            <v>69402</v>
          </cell>
          <cell r="D1149" t="str">
            <v>GURU Vol.1(DDJ別冊)</v>
          </cell>
          <cell r="E1149">
            <v>563</v>
          </cell>
        </row>
        <row r="1150">
          <cell r="C1150">
            <v>69403</v>
          </cell>
          <cell r="D1150" t="str">
            <v>GURU Vol.2(DDJ別冊)</v>
          </cell>
          <cell r="E1150">
            <v>563</v>
          </cell>
        </row>
        <row r="1151">
          <cell r="C1151">
            <v>69404</v>
          </cell>
          <cell r="D1151" t="str">
            <v>GURU Vol.3(DDJ別冊)</v>
          </cell>
          <cell r="E1151">
            <v>563</v>
          </cell>
        </row>
        <row r="1152">
          <cell r="C1152">
            <v>69405</v>
          </cell>
          <cell r="D1152" t="str">
            <v>GURU Vol.4(DDJ別冊)</v>
          </cell>
          <cell r="E1152">
            <v>563</v>
          </cell>
        </row>
        <row r="1153">
          <cell r="C1153">
            <v>69406</v>
          </cell>
          <cell r="D1153" t="str">
            <v>GURU Vol.5(DDJ別冊)</v>
          </cell>
          <cell r="E1153">
            <v>561</v>
          </cell>
        </row>
        <row r="1154">
          <cell r="C1154">
            <v>69409</v>
          </cell>
          <cell r="D1154" t="str">
            <v>GURU Vol.6(DDJ別冊)</v>
          </cell>
          <cell r="E1154">
            <v>660</v>
          </cell>
        </row>
        <row r="1155">
          <cell r="C1155">
            <v>69410</v>
          </cell>
          <cell r="D1155" t="str">
            <v>GURU Vol.7(DDJ別冊)</v>
          </cell>
          <cell r="E1155">
            <v>660</v>
          </cell>
        </row>
        <row r="1156">
          <cell r="C1156">
            <v>69411</v>
          </cell>
          <cell r="D1156" t="str">
            <v>GURU Vol.8(DDJ別冊)</v>
          </cell>
          <cell r="E1156">
            <v>660</v>
          </cell>
        </row>
        <row r="1157">
          <cell r="C1157">
            <v>69412</v>
          </cell>
          <cell r="D1157" t="str">
            <v>GURU Vol.9(DDJ別冊)</v>
          </cell>
          <cell r="E1157">
            <v>660</v>
          </cell>
        </row>
        <row r="1158">
          <cell r="C1158">
            <v>69504</v>
          </cell>
          <cell r="D1158" t="str">
            <v>VisualBasicマガジン Vol.1</v>
          </cell>
          <cell r="E1158">
            <v>1748</v>
          </cell>
        </row>
        <row r="1159">
          <cell r="C1159">
            <v>69507</v>
          </cell>
          <cell r="D1159" t="str">
            <v>VisualBasicマガジン Vol.2</v>
          </cell>
          <cell r="E1159">
            <v>1748</v>
          </cell>
        </row>
        <row r="1160">
          <cell r="C1160">
            <v>69508</v>
          </cell>
          <cell r="D1160" t="str">
            <v>DOS/V PAL Vol.1</v>
          </cell>
          <cell r="E1160">
            <v>1553</v>
          </cell>
        </row>
        <row r="1161">
          <cell r="C1161">
            <v>69510</v>
          </cell>
          <cell r="D1161" t="str">
            <v>VisualBasicマガジン Vol.3</v>
          </cell>
          <cell r="E1161">
            <v>1456</v>
          </cell>
        </row>
        <row r="1162">
          <cell r="C1162">
            <v>69512</v>
          </cell>
          <cell r="D1162" t="str">
            <v>VisualBasicマガジン Vol.4</v>
          </cell>
          <cell r="E1162">
            <v>1456</v>
          </cell>
        </row>
        <row r="1163">
          <cell r="C1163">
            <v>69601</v>
          </cell>
          <cell r="D1163" t="str">
            <v>Oracleパワーレポート</v>
          </cell>
          <cell r="E1163">
            <v>1748</v>
          </cell>
        </row>
        <row r="1164">
          <cell r="C1164">
            <v>69602</v>
          </cell>
          <cell r="D1164" t="str">
            <v>VisualBasicマガジン Vol.5</v>
          </cell>
          <cell r="E1164">
            <v>1456</v>
          </cell>
        </row>
        <row r="1165">
          <cell r="C1165">
            <v>69604</v>
          </cell>
          <cell r="D1165" t="str">
            <v>VisualBasicマガジン Vol.6</v>
          </cell>
          <cell r="E1165">
            <v>1456</v>
          </cell>
        </row>
        <row r="1166">
          <cell r="C1166">
            <v>69606</v>
          </cell>
          <cell r="D1166" t="str">
            <v>VisualBasicマガジン Vol.7</v>
          </cell>
          <cell r="E1166">
            <v>1456</v>
          </cell>
        </row>
        <row r="1167">
          <cell r="C1167">
            <v>69607</v>
          </cell>
          <cell r="D1167" t="str">
            <v>Web magazine 緊急特別号</v>
          </cell>
          <cell r="E1167">
            <v>1165</v>
          </cell>
        </row>
        <row r="1168">
          <cell r="C1168">
            <v>69608</v>
          </cell>
          <cell r="D1168" t="str">
            <v>VisualBasicマガジン Vol.8</v>
          </cell>
          <cell r="E1168">
            <v>1456</v>
          </cell>
        </row>
        <row r="1169">
          <cell r="C1169">
            <v>69610</v>
          </cell>
          <cell r="D1169" t="str">
            <v>VisualBasicマガジン Vol.9</v>
          </cell>
          <cell r="E1169">
            <v>1456</v>
          </cell>
        </row>
        <row r="1170">
          <cell r="C1170">
            <v>69612</v>
          </cell>
          <cell r="D1170" t="str">
            <v>VisualBasicマガジン Vol.10</v>
          </cell>
          <cell r="E1170">
            <v>1456</v>
          </cell>
        </row>
        <row r="1171">
          <cell r="C1171">
            <v>69703</v>
          </cell>
          <cell r="D1171" t="str">
            <v>VisualBasicマガジン Vol.11</v>
          </cell>
          <cell r="E1171">
            <v>1456</v>
          </cell>
        </row>
        <row r="1172">
          <cell r="C1172">
            <v>69807</v>
          </cell>
          <cell r="D1172" t="str">
            <v>VisualBasicマガジン EX夏号(VBマガジン1998年7月号別冊)</v>
          </cell>
          <cell r="E1172">
            <v>933</v>
          </cell>
        </row>
        <row r="1173">
          <cell r="C1173">
            <v>69812</v>
          </cell>
          <cell r="D1173" t="str">
            <v>MCP/MCSE完全ガイド’99(DDJ1998年12月号増刊)</v>
          </cell>
          <cell r="E1173">
            <v>1886</v>
          </cell>
        </row>
        <row r="1174">
          <cell r="C1174">
            <v>69908</v>
          </cell>
          <cell r="D1174" t="str">
            <v>Programmer's Page C/C++(トランテック1999年8月号増刊)</v>
          </cell>
          <cell r="E1174">
            <v>1505</v>
          </cell>
        </row>
        <row r="1175">
          <cell r="C1175">
            <v>69911</v>
          </cell>
          <cell r="D1175" t="str">
            <v>Programmer's Page Java集中講座(トランテック1999年11月号増刊)</v>
          </cell>
          <cell r="E1175">
            <v>1505</v>
          </cell>
        </row>
        <row r="1176">
          <cell r="C1176">
            <v>69912</v>
          </cell>
          <cell r="D1176" t="str">
            <v>DBマガジン 1999年１2月号(トランテック1999年12月号別冊)</v>
          </cell>
          <cell r="E1176">
            <v>1505</v>
          </cell>
        </row>
        <row r="1177">
          <cell r="C1177">
            <v>70001</v>
          </cell>
          <cell r="D1177" t="str">
            <v>VisualBasicマガジン 2000年1月号</v>
          </cell>
          <cell r="E1177">
            <v>1314</v>
          </cell>
        </row>
        <row r="1178">
          <cell r="C1178">
            <v>70002</v>
          </cell>
          <cell r="D1178" t="str">
            <v>VisualBasicマガジン 2000年2月号</v>
          </cell>
          <cell r="E1178">
            <v>1314</v>
          </cell>
        </row>
        <row r="1179">
          <cell r="C1179">
            <v>70003</v>
          </cell>
          <cell r="D1179" t="str">
            <v>VisualBasicマガジン 2000年3月号</v>
          </cell>
          <cell r="E1179">
            <v>1400</v>
          </cell>
        </row>
        <row r="1180">
          <cell r="C1180">
            <v>79705</v>
          </cell>
          <cell r="D1180" t="str">
            <v>VisualBasicマガジン 1997年5月号(Vol.12)</v>
          </cell>
          <cell r="E1180">
            <v>1314</v>
          </cell>
        </row>
        <row r="1181">
          <cell r="C1181">
            <v>79706</v>
          </cell>
          <cell r="D1181" t="str">
            <v>VisualBasicマガジン 1997年6月号(Vol.13)</v>
          </cell>
          <cell r="E1181">
            <v>1314</v>
          </cell>
        </row>
        <row r="1182">
          <cell r="C1182">
            <v>79707</v>
          </cell>
          <cell r="D1182" t="str">
            <v>VisualBasicマガジン 1997年7月号(Vol.14)</v>
          </cell>
          <cell r="E1182">
            <v>1314</v>
          </cell>
        </row>
        <row r="1183">
          <cell r="C1183">
            <v>79708</v>
          </cell>
          <cell r="D1183" t="str">
            <v>VisualBasicマガジン 1997年8月号(Vol.15)</v>
          </cell>
          <cell r="E1183">
            <v>1314</v>
          </cell>
        </row>
        <row r="1184">
          <cell r="C1184">
            <v>79709</v>
          </cell>
          <cell r="D1184" t="str">
            <v>VisualBasicマガジン 1997年9月号(Vol.16)</v>
          </cell>
          <cell r="E1184">
            <v>1314</v>
          </cell>
        </row>
        <row r="1185">
          <cell r="C1185">
            <v>79710</v>
          </cell>
          <cell r="D1185" t="str">
            <v>VisualBasicマガジン 1997年10月号(Vol.17)</v>
          </cell>
          <cell r="E1185">
            <v>1314</v>
          </cell>
        </row>
        <row r="1186">
          <cell r="C1186">
            <v>79711</v>
          </cell>
          <cell r="D1186" t="str">
            <v>VisualBasicマガジン 1997年11月号(Vol.18)</v>
          </cell>
          <cell r="E1186">
            <v>1314</v>
          </cell>
        </row>
        <row r="1187">
          <cell r="C1187">
            <v>79712</v>
          </cell>
          <cell r="D1187" t="str">
            <v>VisualBasicマガジン 1997年12月号(Vol.19)</v>
          </cell>
          <cell r="E1187">
            <v>1314</v>
          </cell>
        </row>
        <row r="1188">
          <cell r="C1188">
            <v>79801</v>
          </cell>
          <cell r="D1188" t="str">
            <v>VisualBasicマガジン 1998年1月号(Vol.20)</v>
          </cell>
          <cell r="E1188">
            <v>1314</v>
          </cell>
        </row>
        <row r="1189">
          <cell r="C1189">
            <v>79802</v>
          </cell>
          <cell r="D1189" t="str">
            <v>VisualBasicマガジン 1998年2月号(Vol.21)</v>
          </cell>
          <cell r="E1189">
            <v>1314</v>
          </cell>
        </row>
        <row r="1190">
          <cell r="C1190">
            <v>79803</v>
          </cell>
          <cell r="D1190" t="str">
            <v>VisualBasicマガジン 1998年3月号(Vol.22)</v>
          </cell>
          <cell r="E1190">
            <v>1314</v>
          </cell>
        </row>
        <row r="1191">
          <cell r="C1191">
            <v>79804</v>
          </cell>
          <cell r="D1191" t="str">
            <v>VisualBasicマガジン 1998年4月号 (Vol.23)</v>
          </cell>
          <cell r="E1191">
            <v>1314</v>
          </cell>
        </row>
        <row r="1192">
          <cell r="C1192">
            <v>79805</v>
          </cell>
          <cell r="D1192" t="str">
            <v>VisualBasicマガジン 1998年5月号 (Vol.24)</v>
          </cell>
          <cell r="E1192">
            <v>1314</v>
          </cell>
        </row>
        <row r="1193">
          <cell r="C1193">
            <v>79806</v>
          </cell>
          <cell r="D1193" t="str">
            <v>VisualBasicマガジン 1998年6月号 (Vol.25)</v>
          </cell>
          <cell r="E1193">
            <v>1314</v>
          </cell>
        </row>
        <row r="1194">
          <cell r="C1194">
            <v>79807</v>
          </cell>
          <cell r="D1194" t="str">
            <v>VisualBasicマガジン 1998年7月号 (Vol.26)</v>
          </cell>
          <cell r="E1194">
            <v>1314</v>
          </cell>
        </row>
        <row r="1195">
          <cell r="C1195">
            <v>79808</v>
          </cell>
          <cell r="D1195" t="str">
            <v>VisualBasicマガジン 1998年8月号 (Vol.27)</v>
          </cell>
          <cell r="E1195">
            <v>1314</v>
          </cell>
        </row>
        <row r="1196">
          <cell r="C1196">
            <v>79809</v>
          </cell>
          <cell r="D1196" t="str">
            <v>VisualBasicマガジン 1998年9月号 (Vol.28)</v>
          </cell>
          <cell r="E1196">
            <v>1314</v>
          </cell>
        </row>
        <row r="1197">
          <cell r="C1197">
            <v>79810</v>
          </cell>
          <cell r="D1197" t="str">
            <v>VisualBasicマガジン 1998年10月号 (Vol.29)</v>
          </cell>
          <cell r="E1197">
            <v>1314</v>
          </cell>
        </row>
        <row r="1198">
          <cell r="C1198">
            <v>79811</v>
          </cell>
          <cell r="D1198" t="str">
            <v>VisualBasicマガジン 1998年11月号 (Vol.30)</v>
          </cell>
          <cell r="E1198">
            <v>1314</v>
          </cell>
        </row>
        <row r="1199">
          <cell r="C1199">
            <v>79812</v>
          </cell>
          <cell r="D1199" t="str">
            <v>VisualBasicマガジン 1998年12月号 (Vol.31)</v>
          </cell>
          <cell r="E1199">
            <v>1314</v>
          </cell>
        </row>
        <row r="1200">
          <cell r="C1200">
            <v>79901</v>
          </cell>
          <cell r="D1200" t="str">
            <v>VisualBasicマガジン 1999年1月号 (Vol.32)</v>
          </cell>
          <cell r="E1200">
            <v>1314</v>
          </cell>
        </row>
        <row r="1201">
          <cell r="C1201">
            <v>79902</v>
          </cell>
          <cell r="D1201" t="str">
            <v>VisualBasicマガジン 1999年2月号 (Vol.33)</v>
          </cell>
          <cell r="E1201">
            <v>1314</v>
          </cell>
        </row>
        <row r="1202">
          <cell r="C1202">
            <v>79903</v>
          </cell>
          <cell r="D1202" t="str">
            <v>VisualBasicマガジン 1999年3月号 (Vol.34)</v>
          </cell>
          <cell r="E1202">
            <v>1314</v>
          </cell>
        </row>
        <row r="1203">
          <cell r="C1203">
            <v>79904</v>
          </cell>
          <cell r="D1203" t="str">
            <v>VisualBasicマガジン 1999年4月号 (Vol.35)</v>
          </cell>
          <cell r="E1203">
            <v>1314</v>
          </cell>
        </row>
        <row r="1204">
          <cell r="C1204">
            <v>79905</v>
          </cell>
          <cell r="D1204" t="str">
            <v>VisualBasicマガジン 1999年5月号 (Vol.36)</v>
          </cell>
          <cell r="E1204">
            <v>1314</v>
          </cell>
        </row>
        <row r="1205">
          <cell r="C1205">
            <v>79906</v>
          </cell>
          <cell r="D1205" t="str">
            <v>VisualBasicマガジン 1999年6月号 (Vol.37)</v>
          </cell>
          <cell r="E1205">
            <v>1314</v>
          </cell>
        </row>
        <row r="1206">
          <cell r="C1206">
            <v>79907</v>
          </cell>
          <cell r="D1206" t="str">
            <v>VisualBasicマガジン 1999年7月号 (Vol.38)</v>
          </cell>
          <cell r="E1206">
            <v>1314</v>
          </cell>
        </row>
        <row r="1207">
          <cell r="C1207">
            <v>79908</v>
          </cell>
          <cell r="D1207" t="str">
            <v>VisualBasicマガジン 1999年8月号 (Vol.39)</v>
          </cell>
          <cell r="E1207">
            <v>1314</v>
          </cell>
        </row>
        <row r="1208">
          <cell r="C1208">
            <v>79909</v>
          </cell>
          <cell r="D1208" t="str">
            <v>VisualBasicマガジン 1999年9月号 (Vol.40)</v>
          </cell>
          <cell r="E1208">
            <v>1314</v>
          </cell>
        </row>
        <row r="1209">
          <cell r="C1209">
            <v>79910</v>
          </cell>
          <cell r="D1209" t="str">
            <v>VisualBasicマガジン 1999年10月号 (Vol.41)</v>
          </cell>
          <cell r="E1209">
            <v>1314</v>
          </cell>
        </row>
        <row r="1210">
          <cell r="C1210">
            <v>79911</v>
          </cell>
          <cell r="D1210" t="str">
            <v>VisualBasicマガジン 1999年11月号 (Vol.42)</v>
          </cell>
          <cell r="E1210">
            <v>1314</v>
          </cell>
        </row>
        <row r="1211">
          <cell r="C1211">
            <v>79912</v>
          </cell>
          <cell r="D1211" t="str">
            <v>VisualBasicマガジン 1999年12月号 (Vol.43)</v>
          </cell>
          <cell r="E1211">
            <v>1314</v>
          </cell>
        </row>
        <row r="1212">
          <cell r="C1212">
            <v>89712</v>
          </cell>
          <cell r="D1212" t="str">
            <v>1998年 年賀状イラスト素材集(VBマガジン1997年12月号別冊)</v>
          </cell>
          <cell r="E1212">
            <v>1505</v>
          </cell>
        </row>
        <row r="1213">
          <cell r="C1213">
            <v>89812</v>
          </cell>
          <cell r="D1213" t="str">
            <v>1999年 年賀状イラスト素材集(VBマガジン1998年12月号別冊)</v>
          </cell>
          <cell r="E1213">
            <v>1505</v>
          </cell>
        </row>
        <row r="1214">
          <cell r="C1214">
            <v>89905</v>
          </cell>
          <cell r="D1214" t="str">
            <v>VisualBasicマガジン EX春号for Super Beginners(VBマガジン1999年5月号別冊)</v>
          </cell>
          <cell r="E1214">
            <v>1219</v>
          </cell>
        </row>
        <row r="1215">
          <cell r="C1215">
            <v>89907</v>
          </cell>
          <cell r="D1215" t="str">
            <v>VisualBasicマガジン EX夏号(VBマガジン1999年7月号別冊)</v>
          </cell>
          <cell r="E1215">
            <v>1219</v>
          </cell>
        </row>
        <row r="1216">
          <cell r="C1216">
            <v>89908</v>
          </cell>
          <cell r="D1216" t="str">
            <v>DBマガジン 1999年8月号(VBマガジン1999年8月号別冊)</v>
          </cell>
          <cell r="E1216">
            <v>1505</v>
          </cell>
        </row>
        <row r="1217">
          <cell r="C1217">
            <v>89910</v>
          </cell>
          <cell r="D1217" t="str">
            <v>DBマガジン 1999年10月号(VBマガジン1999年10月号別冊)</v>
          </cell>
          <cell r="E1217">
            <v>1505</v>
          </cell>
        </row>
        <row r="1218">
          <cell r="C1218">
            <v>89911</v>
          </cell>
          <cell r="D1218" t="str">
            <v>Office Programm's Magazine(VBマガジン1999年11月号別冊)</v>
          </cell>
          <cell r="E1218">
            <v>1314</v>
          </cell>
        </row>
        <row r="1219">
          <cell r="C1219">
            <v>89912</v>
          </cell>
          <cell r="D1219" t="str">
            <v>2000年 年賀状イラスト素材集(VBマガジン1999年12月号別冊)</v>
          </cell>
          <cell r="E1219">
            <v>1505</v>
          </cell>
        </row>
        <row r="1220">
          <cell r="C1220">
            <v>100010</v>
          </cell>
          <cell r="D1220" t="str">
            <v>10日でおぼえる Java入門教室</v>
          </cell>
          <cell r="E1220">
            <v>3200</v>
          </cell>
          <cell r="F1220" t="str">
            <v>0001-2</v>
          </cell>
          <cell r="G1220">
            <v>33</v>
          </cell>
        </row>
        <row r="1221">
          <cell r="C1221">
            <v>100020</v>
          </cell>
          <cell r="D1221" t="str">
            <v>10日でおぼえる Perl/CGI入門教室</v>
          </cell>
          <cell r="E1221">
            <v>2800</v>
          </cell>
          <cell r="F1221" t="str">
            <v>0002-9</v>
          </cell>
          <cell r="G1221">
            <v>33</v>
          </cell>
        </row>
        <row r="1222">
          <cell r="C1222">
            <v>100030</v>
          </cell>
          <cell r="D1222" t="str">
            <v>Interconnections 第2版</v>
          </cell>
          <cell r="E1222">
            <v>5800</v>
          </cell>
          <cell r="F1222" t="str">
            <v>0003-6</v>
          </cell>
          <cell r="G1222">
            <v>11</v>
          </cell>
        </row>
        <row r="1223">
          <cell r="C1223">
            <v>100040</v>
          </cell>
          <cell r="D1223" t="str">
            <v>JSPによるWeb開発</v>
          </cell>
          <cell r="E1223">
            <v>5800</v>
          </cell>
          <cell r="F1223" t="str">
            <v>0004-3</v>
          </cell>
          <cell r="G1223">
            <v>33</v>
          </cell>
        </row>
        <row r="1224">
          <cell r="C1224">
            <v>100050</v>
          </cell>
          <cell r="D1224" t="str">
            <v>バイラルマーケティング</v>
          </cell>
          <cell r="E1224">
            <v>2000</v>
          </cell>
          <cell r="F1224" t="str">
            <v>0005-0</v>
          </cell>
          <cell r="G1224">
            <v>11</v>
          </cell>
        </row>
        <row r="1225">
          <cell r="C1225">
            <v>100060</v>
          </cell>
          <cell r="D1225" t="str">
            <v>わたし、日本に賭けてます</v>
          </cell>
          <cell r="E1225">
            <v>1500</v>
          </cell>
          <cell r="F1225" t="str">
            <v>0006-7</v>
          </cell>
          <cell r="G1225">
            <v>33</v>
          </cell>
        </row>
        <row r="1226">
          <cell r="C1226">
            <v>100070</v>
          </cell>
          <cell r="D1226" t="str">
            <v>Photoshop LOGO +Web Design Book</v>
          </cell>
          <cell r="E1226">
            <v>2800</v>
          </cell>
          <cell r="F1226" t="str">
            <v>0007-4</v>
          </cell>
          <cell r="G1226">
            <v>11</v>
          </cell>
        </row>
        <row r="1227">
          <cell r="C1227">
            <v>100080</v>
          </cell>
          <cell r="D1227" t="str">
            <v>JavaScript辞典</v>
          </cell>
          <cell r="E1227">
            <v>1800</v>
          </cell>
          <cell r="F1227" t="str">
            <v>0008-1</v>
          </cell>
          <cell r="G1227">
            <v>33</v>
          </cell>
        </row>
        <row r="1228">
          <cell r="C1228">
            <v>100090</v>
          </cell>
          <cell r="D1228" t="str">
            <v>オラクルマスター教科書 Gold:DBA(Oracle8)/DBA(Oracle8i)編 改訂版</v>
          </cell>
          <cell r="E1228">
            <v>3800</v>
          </cell>
          <cell r="F1228" t="str">
            <v>0009-8</v>
          </cell>
          <cell r="G1228">
            <v>33</v>
          </cell>
        </row>
        <row r="1229">
          <cell r="C1229">
            <v>100100</v>
          </cell>
          <cell r="D1229" t="str">
            <v>Cisco技術者認定教科書 CCNA2.0 Routing&amp;Switching 改訂版</v>
          </cell>
          <cell r="E1229">
            <v>3800</v>
          </cell>
          <cell r="F1229" t="str">
            <v>0010-4</v>
          </cell>
          <cell r="G1229">
            <v>33</v>
          </cell>
        </row>
        <row r="1230">
          <cell r="C1230">
            <v>100110</v>
          </cell>
          <cell r="D1230" t="str">
            <v>PaintShopPro7Jの王様</v>
          </cell>
          <cell r="E1230">
            <v>1900</v>
          </cell>
          <cell r="F1230" t="str">
            <v>0011-1</v>
          </cell>
          <cell r="G1230">
            <v>33</v>
          </cell>
        </row>
        <row r="1231">
          <cell r="C1231">
            <v>100120</v>
          </cell>
          <cell r="D1231" t="str">
            <v>インターネットルーティング</v>
          </cell>
          <cell r="E1231">
            <v>5800</v>
          </cell>
          <cell r="F1231" t="str">
            <v>0012-8</v>
          </cell>
          <cell r="G1231">
            <v>11</v>
          </cell>
        </row>
        <row r="1232">
          <cell r="C1232">
            <v>100130</v>
          </cell>
          <cell r="D1232" t="str">
            <v>Solaris管理ガイド</v>
          </cell>
          <cell r="E1232">
            <v>4200</v>
          </cell>
          <cell r="F1232" t="str">
            <v>0013-5</v>
          </cell>
          <cell r="G1232">
            <v>33</v>
          </cell>
        </row>
        <row r="1233">
          <cell r="C1233">
            <v>100140</v>
          </cell>
          <cell r="D1233" t="str">
            <v>OracleXMLハンドブック</v>
          </cell>
          <cell r="E1233">
            <v>3800</v>
          </cell>
          <cell r="F1233" t="str">
            <v>0014-2</v>
          </cell>
          <cell r="G1233">
            <v>33</v>
          </cell>
        </row>
        <row r="1234">
          <cell r="C1234">
            <v>100150</v>
          </cell>
          <cell r="D1234" t="str">
            <v>Visual Basic forスーパービギナーズ</v>
          </cell>
          <cell r="E1234">
            <v>1505</v>
          </cell>
          <cell r="F1234" t="str">
            <v>0015-9</v>
          </cell>
          <cell r="G1234">
            <v>33</v>
          </cell>
        </row>
        <row r="1235">
          <cell r="C1235">
            <v>100160</v>
          </cell>
          <cell r="D1235" t="str">
            <v>はじめる ホームページHTML編</v>
          </cell>
          <cell r="E1235">
            <v>1400</v>
          </cell>
          <cell r="F1235" t="str">
            <v>0016-6</v>
          </cell>
          <cell r="G1235">
            <v>33</v>
          </cell>
        </row>
        <row r="1236">
          <cell r="C1236">
            <v>100170</v>
          </cell>
          <cell r="D1236" t="str">
            <v>HTMLデザイン辞典 第2版</v>
          </cell>
          <cell r="E1236">
            <v>1900</v>
          </cell>
          <cell r="F1236" t="str">
            <v>0017-3</v>
          </cell>
          <cell r="G1236">
            <v>11</v>
          </cell>
        </row>
        <row r="1237">
          <cell r="C1237">
            <v>100180</v>
          </cell>
          <cell r="D1237" t="str">
            <v>Windowsサウンドプログラミング</v>
          </cell>
          <cell r="E1237">
            <v>3800</v>
          </cell>
          <cell r="F1237" t="str">
            <v>0018-0</v>
          </cell>
          <cell r="G1237">
            <v>11</v>
          </cell>
        </row>
        <row r="1238">
          <cell r="C1238">
            <v>100190</v>
          </cell>
          <cell r="D1238" t="str">
            <v>SUN教科書 JAVA2</v>
          </cell>
          <cell r="E1238">
            <v>4200</v>
          </cell>
          <cell r="F1238" t="str">
            <v>0019-7</v>
          </cell>
          <cell r="G1238">
            <v>33</v>
          </cell>
        </row>
        <row r="1239">
          <cell r="C1239">
            <v>100200</v>
          </cell>
          <cell r="D1239" t="str">
            <v>スタイルシート辞典 第2版</v>
          </cell>
          <cell r="E1239">
            <v>1800</v>
          </cell>
          <cell r="F1239" t="str">
            <v>0020-3</v>
          </cell>
          <cell r="G1239">
            <v>33</v>
          </cell>
        </row>
        <row r="1240">
          <cell r="C1240">
            <v>100210</v>
          </cell>
          <cell r="D1240" t="str">
            <v>ビジネスマンのためのIT用語ハンドブック2001</v>
          </cell>
          <cell r="E1240">
            <v>1500</v>
          </cell>
          <cell r="F1240" t="str">
            <v>0021-0</v>
          </cell>
          <cell r="G1240">
            <v>33</v>
          </cell>
        </row>
        <row r="1241">
          <cell r="C1241">
            <v>100220</v>
          </cell>
          <cell r="D1241" t="str">
            <v>スピリチュアル・マシーン</v>
          </cell>
          <cell r="E1241">
            <v>2800</v>
          </cell>
          <cell r="F1241" t="str">
            <v>0022-7</v>
          </cell>
          <cell r="G1241">
            <v>21</v>
          </cell>
        </row>
        <row r="1242">
          <cell r="C1242">
            <v>100230</v>
          </cell>
          <cell r="D1242" t="str">
            <v>イノベーションのジレンマ 増補改訂版</v>
          </cell>
          <cell r="E1242">
            <v>2000</v>
          </cell>
          <cell r="F1242" t="str">
            <v>0023-4</v>
          </cell>
          <cell r="G1242">
            <v>11</v>
          </cell>
        </row>
        <row r="1243">
          <cell r="C1243">
            <v>100240</v>
          </cell>
          <cell r="D1243" t="str">
            <v>ゲーム業界危機一髪!!</v>
          </cell>
          <cell r="E1243">
            <v>1800</v>
          </cell>
          <cell r="F1243" t="str">
            <v>0024-1</v>
          </cell>
          <cell r="G1243">
            <v>11</v>
          </cell>
        </row>
        <row r="1244">
          <cell r="C1244">
            <v>100250</v>
          </cell>
          <cell r="D1244" t="str">
            <v>続 デタラメPhotoshop</v>
          </cell>
          <cell r="E1244">
            <v>2400</v>
          </cell>
          <cell r="F1244" t="str">
            <v>0025-8</v>
          </cell>
          <cell r="G1244">
            <v>33</v>
          </cell>
        </row>
        <row r="1245">
          <cell r="C1245">
            <v>100260</v>
          </cell>
          <cell r="D1245" t="str">
            <v>クラッキング防衛大全 第2版</v>
          </cell>
          <cell r="E1245">
            <v>3800</v>
          </cell>
          <cell r="F1245" t="str">
            <v>0026-5</v>
          </cell>
          <cell r="G1245">
            <v>33</v>
          </cell>
        </row>
        <row r="1246">
          <cell r="C1246">
            <v>100270</v>
          </cell>
          <cell r="D1246" t="str">
            <v>Oracle8i スキルアップガイド</v>
          </cell>
          <cell r="E1246">
            <v>1714</v>
          </cell>
          <cell r="F1246" t="str">
            <v>0027-2</v>
          </cell>
          <cell r="G1246">
            <v>11</v>
          </cell>
        </row>
        <row r="1247">
          <cell r="C1247">
            <v>100280</v>
          </cell>
          <cell r="D1247" t="str">
            <v>日本人のためのお金教科書</v>
          </cell>
          <cell r="E1247">
            <v>1300</v>
          </cell>
          <cell r="F1247" t="str">
            <v>0028-9</v>
          </cell>
          <cell r="G1247">
            <v>11</v>
          </cell>
        </row>
        <row r="1248">
          <cell r="C1248">
            <v>100290</v>
          </cell>
          <cell r="D1248" t="str">
            <v>DREAMWEAVER WEB DESIGN BOOK ver4J</v>
          </cell>
          <cell r="E1248">
            <v>3800</v>
          </cell>
          <cell r="F1248" t="str">
            <v>0029-6</v>
          </cell>
          <cell r="G1248">
            <v>33</v>
          </cell>
        </row>
        <row r="1249">
          <cell r="C1249">
            <v>100300</v>
          </cell>
          <cell r="D1249" t="str">
            <v>Unicode標準入門</v>
          </cell>
          <cell r="E1249">
            <v>3800</v>
          </cell>
          <cell r="F1249" t="str">
            <v>0030-2</v>
          </cell>
          <cell r="G1249">
            <v>11</v>
          </cell>
        </row>
        <row r="1250">
          <cell r="C1250">
            <v>100310</v>
          </cell>
          <cell r="D1250" t="str">
            <v>中抜き!インターネット通販講座</v>
          </cell>
          <cell r="E1250">
            <v>1380</v>
          </cell>
          <cell r="F1250" t="str">
            <v>0031-9</v>
          </cell>
          <cell r="G1250">
            <v>33</v>
          </cell>
        </row>
        <row r="1251">
          <cell r="C1251">
            <v>100320</v>
          </cell>
          <cell r="D1251" t="str">
            <v>常時接続セキュリティ入門</v>
          </cell>
          <cell r="E1251">
            <v>1900</v>
          </cell>
          <cell r="F1251" t="str">
            <v>0032-6</v>
          </cell>
          <cell r="G1251">
            <v>33</v>
          </cell>
        </row>
        <row r="1252">
          <cell r="C1252">
            <v>100330</v>
          </cell>
          <cell r="D1252" t="str">
            <v>ネットワーク テクニカルエンジニア 平成13年度</v>
          </cell>
          <cell r="E1252">
            <v>2600</v>
          </cell>
          <cell r="F1252" t="str">
            <v>0033-3</v>
          </cell>
          <cell r="G1252">
            <v>33</v>
          </cell>
        </row>
        <row r="1253">
          <cell r="C1253">
            <v>100340</v>
          </cell>
          <cell r="D1253" t="str">
            <v>基本情報技術者 平成13年度秋期</v>
          </cell>
          <cell r="E1253">
            <v>1900</v>
          </cell>
          <cell r="F1253" t="str">
            <v>0034-0</v>
          </cell>
          <cell r="G1253">
            <v>33</v>
          </cell>
        </row>
        <row r="1254">
          <cell r="C1254">
            <v>100350</v>
          </cell>
          <cell r="D1254" t="str">
            <v>初級システムアドミニストレータ 平成13年度秋期</v>
          </cell>
          <cell r="E1254">
            <v>1900</v>
          </cell>
          <cell r="F1254" t="str">
            <v>0035-7</v>
          </cell>
          <cell r="G1254">
            <v>33</v>
          </cell>
        </row>
        <row r="1255">
          <cell r="C1255">
            <v>100360</v>
          </cell>
          <cell r="D1255" t="str">
            <v>独習XML</v>
          </cell>
          <cell r="E1255">
            <v>2800</v>
          </cell>
          <cell r="F1255" t="str">
            <v>0036-4</v>
          </cell>
          <cell r="G1255">
            <v>33</v>
          </cell>
        </row>
        <row r="1256">
          <cell r="C1256">
            <v>100370</v>
          </cell>
          <cell r="D1256" t="str">
            <v>TCP/IP入門 ネットワーキング入門シリーズ 1</v>
          </cell>
          <cell r="E1256">
            <v>2200</v>
          </cell>
          <cell r="F1256" t="str">
            <v>0037-1</v>
          </cell>
          <cell r="G1256">
            <v>33</v>
          </cell>
        </row>
        <row r="1257">
          <cell r="C1257">
            <v>100380</v>
          </cell>
          <cell r="D1257" t="str">
            <v>インターネットルーティング入門 ネットワーキング入門シリーズ 2</v>
          </cell>
          <cell r="E1257">
            <v>2600</v>
          </cell>
          <cell r="F1257" t="str">
            <v>0038-8</v>
          </cell>
          <cell r="G1257">
            <v>33</v>
          </cell>
        </row>
        <row r="1258">
          <cell r="C1258">
            <v>100390</v>
          </cell>
          <cell r="D1258" t="str">
            <v>ITビジネスコンサルタント</v>
          </cell>
          <cell r="E1258">
            <v>1800</v>
          </cell>
          <cell r="F1258" t="str">
            <v>0039-5</v>
          </cell>
          <cell r="G1258">
            <v>11</v>
          </cell>
        </row>
        <row r="1259">
          <cell r="C1259">
            <v>100400</v>
          </cell>
          <cell r="D1259" t="str">
            <v>はじめる パソコントラブル解決編</v>
          </cell>
          <cell r="E1259">
            <v>1380</v>
          </cell>
          <cell r="F1259" t="str">
            <v>0040-1</v>
          </cell>
          <cell r="G1259">
            <v>33</v>
          </cell>
        </row>
        <row r="1260">
          <cell r="C1260">
            <v>100410</v>
          </cell>
          <cell r="D1260" t="str">
            <v>FIREWORKS WEB DESIGN BOOK ver4J</v>
          </cell>
          <cell r="E1260">
            <v>2400</v>
          </cell>
          <cell r="F1260" t="str">
            <v>0041-8</v>
          </cell>
          <cell r="G1260">
            <v>33</v>
          </cell>
        </row>
        <row r="1261">
          <cell r="C1261">
            <v>100420</v>
          </cell>
          <cell r="D1261" t="str">
            <v>SQL Server 2000 ビギナーズガイド</v>
          </cell>
          <cell r="E1261">
            <v>4800</v>
          </cell>
          <cell r="F1261" t="str">
            <v>0042-5</v>
          </cell>
          <cell r="G1261">
            <v>11</v>
          </cell>
        </row>
        <row r="1262">
          <cell r="C1262">
            <v>100430</v>
          </cell>
          <cell r="D1262" t="str">
            <v>SQL Server 2000 ストアドプロシージャプログラミング</v>
          </cell>
          <cell r="E1262">
            <v>5800</v>
          </cell>
          <cell r="F1262" t="str">
            <v>0043-2</v>
          </cell>
          <cell r="G1262">
            <v>11</v>
          </cell>
        </row>
        <row r="1263">
          <cell r="C1263">
            <v>100440</v>
          </cell>
          <cell r="D1263" t="str">
            <v>セキュリティポリシー導入ガイド</v>
          </cell>
          <cell r="E1263">
            <v>2400</v>
          </cell>
          <cell r="F1263" t="str">
            <v>0044-9</v>
          </cell>
          <cell r="G1263">
            <v>33</v>
          </cell>
        </row>
        <row r="1264">
          <cell r="C1264">
            <v>100450</v>
          </cell>
          <cell r="D1264" t="str">
            <v>かんたんサーバサイドJava</v>
          </cell>
          <cell r="E1264">
            <v>2400</v>
          </cell>
          <cell r="F1264" t="str">
            <v>0045-6</v>
          </cell>
          <cell r="G1264">
            <v>33</v>
          </cell>
        </row>
        <row r="1265">
          <cell r="C1265">
            <v>100460</v>
          </cell>
          <cell r="D1265" t="str">
            <v>ITマネジメント読本</v>
          </cell>
          <cell r="E1265">
            <v>1800</v>
          </cell>
          <cell r="F1265" t="str">
            <v>0046-3</v>
          </cell>
          <cell r="G1265">
            <v>34</v>
          </cell>
        </row>
        <row r="1266">
          <cell r="C1266">
            <v>100470</v>
          </cell>
          <cell r="D1266" t="str">
            <v>よくわかる実践データベース</v>
          </cell>
          <cell r="E1266">
            <v>1800</v>
          </cell>
          <cell r="F1266" t="str">
            <v>0047-0</v>
          </cell>
          <cell r="G1266">
            <v>11</v>
          </cell>
        </row>
        <row r="1267">
          <cell r="C1267">
            <v>100480</v>
          </cell>
          <cell r="D1267" t="str">
            <v>MCSE教科書 Windows2000 Directory Services Design</v>
          </cell>
          <cell r="E1267">
            <v>4200</v>
          </cell>
          <cell r="F1267" t="str">
            <v>0048-7</v>
          </cell>
          <cell r="G1267">
            <v>11</v>
          </cell>
        </row>
        <row r="1268">
          <cell r="C1268">
            <v>100490</v>
          </cell>
          <cell r="D1268" t="str">
            <v>MCSE教科書 Windows2000 Security Design</v>
          </cell>
          <cell r="E1268">
            <v>4800</v>
          </cell>
          <cell r="F1268" t="str">
            <v>0049-4</v>
          </cell>
          <cell r="G1268">
            <v>11</v>
          </cell>
        </row>
        <row r="1269">
          <cell r="C1269">
            <v>100500</v>
          </cell>
          <cell r="D1269" t="str">
            <v>MCSE教科書 Windows2000 Network Design</v>
          </cell>
          <cell r="E1269">
            <v>4200</v>
          </cell>
          <cell r="F1269" t="str">
            <v>0050-0</v>
          </cell>
          <cell r="G1269">
            <v>11</v>
          </cell>
        </row>
        <row r="1270">
          <cell r="C1270">
            <v>100540</v>
          </cell>
          <cell r="D1270" t="str">
            <v>CGIプログラミング入門 第2版</v>
          </cell>
          <cell r="E1270">
            <v>2800</v>
          </cell>
          <cell r="F1270" t="str">
            <v>0054-8</v>
          </cell>
          <cell r="G1270">
            <v>11</v>
          </cell>
        </row>
        <row r="1271">
          <cell r="C1271">
            <v>100550</v>
          </cell>
          <cell r="D1271" t="str">
            <v>Cisco技術者認定教科書 CCNP Switching試験番号640-504</v>
          </cell>
          <cell r="E1271">
            <v>5300</v>
          </cell>
          <cell r="F1271" t="str">
            <v>0055-5</v>
          </cell>
          <cell r="G1271">
            <v>33</v>
          </cell>
        </row>
        <row r="1272">
          <cell r="C1272">
            <v>100560</v>
          </cell>
          <cell r="D1272" t="str">
            <v>Cisco技術者認定教科書 CCNP RemoteAccess試験番号640-505</v>
          </cell>
          <cell r="E1272">
            <v>4800</v>
          </cell>
          <cell r="F1272" t="str">
            <v>0056-2</v>
          </cell>
          <cell r="G1272">
            <v>33</v>
          </cell>
        </row>
        <row r="1273">
          <cell r="C1273">
            <v>100570</v>
          </cell>
          <cell r="D1273" t="str">
            <v>Cisco技術者認定教科書 CCNP Routing試験番号640-503</v>
          </cell>
          <cell r="E1273">
            <v>4800</v>
          </cell>
          <cell r="F1273" t="str">
            <v>0057-9</v>
          </cell>
          <cell r="G1273">
            <v>33</v>
          </cell>
        </row>
        <row r="1274">
          <cell r="C1274">
            <v>100580</v>
          </cell>
          <cell r="D1274" t="str">
            <v>Cisco技術者認定教科書 CCNP Support試験番号640-506</v>
          </cell>
          <cell r="E1274">
            <v>4800</v>
          </cell>
          <cell r="F1274" t="str">
            <v>0058-6</v>
          </cell>
          <cell r="G1274">
            <v>33</v>
          </cell>
        </row>
        <row r="1275">
          <cell r="C1275">
            <v>100590</v>
          </cell>
          <cell r="D1275" t="str">
            <v>オラクルマスター教科書 Platinum:Network(Oracle8i)編</v>
          </cell>
          <cell r="E1275">
            <v>4200</v>
          </cell>
          <cell r="F1275" t="str">
            <v>0059-3</v>
          </cell>
          <cell r="G1275">
            <v>33</v>
          </cell>
        </row>
        <row r="1276">
          <cell r="C1276">
            <v>100600</v>
          </cell>
          <cell r="D1276" t="str">
            <v>オラクルマスター教科書 Platinum:Backup Recovery</v>
          </cell>
          <cell r="E1276">
            <v>4200</v>
          </cell>
          <cell r="F1276" t="str">
            <v>0060-9</v>
          </cell>
          <cell r="G1276">
            <v>33</v>
          </cell>
        </row>
        <row r="1277">
          <cell r="C1277">
            <v>100610</v>
          </cell>
          <cell r="D1277" t="str">
            <v>ハーレーダビッドソン経営再生への道</v>
          </cell>
          <cell r="E1277">
            <v>2200</v>
          </cell>
          <cell r="F1277" t="str">
            <v>0061-6</v>
          </cell>
          <cell r="G1277">
            <v>11</v>
          </cell>
        </row>
        <row r="1278">
          <cell r="C1278">
            <v>100620</v>
          </cell>
          <cell r="D1278" t="str">
            <v>オラクルマスター教科書 Platinum:Performance Tuning(Oracle8i編)</v>
          </cell>
          <cell r="E1278">
            <v>4200</v>
          </cell>
          <cell r="F1278" t="str">
            <v>0062-3</v>
          </cell>
          <cell r="G1278">
            <v>33</v>
          </cell>
        </row>
        <row r="1279">
          <cell r="C1279">
            <v>100630</v>
          </cell>
          <cell r="D1279" t="str">
            <v>InDesign Style Book</v>
          </cell>
          <cell r="E1279">
            <v>3200</v>
          </cell>
          <cell r="F1279" t="str">
            <v>0063-0</v>
          </cell>
          <cell r="G1279">
            <v>33</v>
          </cell>
        </row>
        <row r="1280">
          <cell r="C1280">
            <v>100640</v>
          </cell>
          <cell r="D1280" t="str">
            <v>iアプリAPIリファレンス</v>
          </cell>
          <cell r="E1280">
            <v>2600</v>
          </cell>
          <cell r="F1280" t="str">
            <v>0064-7</v>
          </cell>
          <cell r="G1280">
            <v>11</v>
          </cell>
        </row>
        <row r="1281">
          <cell r="C1281">
            <v>100650</v>
          </cell>
          <cell r="D1281" t="str">
            <v>MacOS Xスーパーブック</v>
          </cell>
          <cell r="E1281">
            <v>2400</v>
          </cell>
          <cell r="F1281" t="str">
            <v>0065-4</v>
          </cell>
          <cell r="G1281">
            <v>33</v>
          </cell>
        </row>
        <row r="1282">
          <cell r="C1282">
            <v>100660</v>
          </cell>
          <cell r="D1282" t="str">
            <v>eワラント・ポケット株オフィシャルガイド</v>
          </cell>
          <cell r="E1282">
            <v>1500</v>
          </cell>
          <cell r="F1282" t="str">
            <v>0066-1</v>
          </cell>
          <cell r="G1282">
            <v>33</v>
          </cell>
        </row>
        <row r="1283">
          <cell r="C1283">
            <v>100670</v>
          </cell>
          <cell r="D1283" t="str">
            <v>企業価値の断絶</v>
          </cell>
          <cell r="E1283">
            <v>2300</v>
          </cell>
          <cell r="F1283" t="str">
            <v>0067-8</v>
          </cell>
          <cell r="G1283">
            <v>11</v>
          </cell>
        </row>
        <row r="1284">
          <cell r="C1284">
            <v>100680</v>
          </cell>
          <cell r="D1284" t="str">
            <v>P2Pがビジネスを変える</v>
          </cell>
          <cell r="E1284">
            <v>1500</v>
          </cell>
          <cell r="F1284" t="str">
            <v>0068-5</v>
          </cell>
          <cell r="G1284">
            <v>33</v>
          </cell>
        </row>
        <row r="1285">
          <cell r="C1285">
            <v>100690</v>
          </cell>
          <cell r="D1285" t="str">
            <v>はじめる Excel2002 OfficeXP対応</v>
          </cell>
          <cell r="E1285">
            <v>950</v>
          </cell>
          <cell r="F1285" t="str">
            <v>0069-2</v>
          </cell>
          <cell r="G1285">
            <v>33</v>
          </cell>
        </row>
        <row r="1286">
          <cell r="C1286">
            <v>100700</v>
          </cell>
          <cell r="D1286" t="str">
            <v>はじめる Word2002 OfficeXP対応</v>
          </cell>
          <cell r="E1286">
            <v>950</v>
          </cell>
          <cell r="F1286" t="str">
            <v>0070-8</v>
          </cell>
          <cell r="G1286">
            <v>33</v>
          </cell>
        </row>
        <row r="1287">
          <cell r="C1287">
            <v>100710</v>
          </cell>
          <cell r="D1287" t="str">
            <v>シックスシグマ</v>
          </cell>
          <cell r="E1287">
            <v>1300</v>
          </cell>
          <cell r="F1287" t="str">
            <v>0071-5</v>
          </cell>
          <cell r="G1287">
            <v>11</v>
          </cell>
        </row>
        <row r="1288">
          <cell r="C1288">
            <v>100720</v>
          </cell>
          <cell r="D1288" t="str">
            <v>図解 ロゼッタネットがeビジネスを変える</v>
          </cell>
          <cell r="E1288">
            <v>1500</v>
          </cell>
          <cell r="F1288" t="str">
            <v>0072-2</v>
          </cell>
          <cell r="G1288">
            <v>11</v>
          </cell>
        </row>
        <row r="1289">
          <cell r="C1289">
            <v>100730</v>
          </cell>
          <cell r="D1289" t="str">
            <v>10日でおぼえる Excel VBA入門教室 2002対応</v>
          </cell>
          <cell r="E1289">
            <v>2800</v>
          </cell>
          <cell r="F1289" t="str">
            <v>0073-9</v>
          </cell>
          <cell r="G1289">
            <v>11</v>
          </cell>
        </row>
        <row r="1290">
          <cell r="C1290">
            <v>100740</v>
          </cell>
          <cell r="D1290" t="str">
            <v>企業文化のe改革</v>
          </cell>
          <cell r="E1290">
            <v>2500</v>
          </cell>
          <cell r="F1290" t="str">
            <v>0074-6</v>
          </cell>
          <cell r="G1290">
            <v>11</v>
          </cell>
        </row>
        <row r="1291">
          <cell r="C1291">
            <v>100750</v>
          </cell>
          <cell r="D1291" t="str">
            <v>Windows2000セキュリティ新技術</v>
          </cell>
          <cell r="E1291">
            <v>3600</v>
          </cell>
          <cell r="F1291" t="str">
            <v>0075-3</v>
          </cell>
          <cell r="G1291">
            <v>11</v>
          </cell>
        </row>
        <row r="1292">
          <cell r="C1292">
            <v>100760</v>
          </cell>
          <cell r="D1292" t="str">
            <v>SNMPネットワーク管理ツール</v>
          </cell>
          <cell r="E1292">
            <v>2800</v>
          </cell>
          <cell r="F1292" t="str">
            <v>0076-0</v>
          </cell>
          <cell r="G1292">
            <v>33</v>
          </cell>
        </row>
        <row r="1293">
          <cell r="C1293">
            <v>100770</v>
          </cell>
          <cell r="D1293" t="str">
            <v>Premiere Digital Viedo Studio</v>
          </cell>
          <cell r="E1293">
            <v>3400</v>
          </cell>
          <cell r="F1293" t="str">
            <v>0077-7</v>
          </cell>
          <cell r="G1293">
            <v>11</v>
          </cell>
        </row>
        <row r="1294">
          <cell r="C1294">
            <v>100780</v>
          </cell>
          <cell r="D1294" t="str">
            <v>田口美帆の勝手にトラブルシューティング</v>
          </cell>
          <cell r="E1294">
            <v>1380</v>
          </cell>
          <cell r="F1294" t="str">
            <v>0078-4</v>
          </cell>
          <cell r="G1294">
            <v>33</v>
          </cell>
        </row>
        <row r="1295">
          <cell r="C1295">
            <v>100790</v>
          </cell>
          <cell r="D1295" t="str">
            <v>Excel2002 VBA辞典</v>
          </cell>
          <cell r="E1295">
            <v>1900</v>
          </cell>
          <cell r="F1295" t="str">
            <v>0079-1</v>
          </cell>
          <cell r="G1295">
            <v>11</v>
          </cell>
        </row>
        <row r="1296">
          <cell r="C1296">
            <v>100800</v>
          </cell>
          <cell r="D1296" t="str">
            <v>これが売れてるホームページだ!2002</v>
          </cell>
          <cell r="E1296">
            <v>1380</v>
          </cell>
          <cell r="F1296" t="str">
            <v>0080-7</v>
          </cell>
          <cell r="G1296">
            <v>33</v>
          </cell>
        </row>
        <row r="1297">
          <cell r="C1297">
            <v>100810</v>
          </cell>
          <cell r="D1297" t="str">
            <v>デジカメ＆パソコン120%活用BOOK</v>
          </cell>
          <cell r="E1297">
            <v>1280</v>
          </cell>
          <cell r="F1297" t="str">
            <v>0081-4</v>
          </cell>
          <cell r="G1297">
            <v>33</v>
          </cell>
        </row>
        <row r="1298">
          <cell r="C1298">
            <v>100820</v>
          </cell>
          <cell r="D1298" t="str">
            <v>Oracle8i PL/SQLプログラミング</v>
          </cell>
          <cell r="E1298">
            <v>6800</v>
          </cell>
          <cell r="F1298" t="str">
            <v>0082-1</v>
          </cell>
          <cell r="G1298">
            <v>33</v>
          </cell>
        </row>
        <row r="1299">
          <cell r="C1299">
            <v>100830</v>
          </cell>
          <cell r="D1299" t="str">
            <v>ORACLE 24×7システム構築ガイド 上巻</v>
          </cell>
          <cell r="E1299">
            <v>5200</v>
          </cell>
          <cell r="F1299" t="str">
            <v>0083-8</v>
          </cell>
          <cell r="G1299">
            <v>33</v>
          </cell>
        </row>
        <row r="1300">
          <cell r="C1300">
            <v>100840</v>
          </cell>
          <cell r="D1300" t="str">
            <v>ORACLE 24×7システム構築ガイド 下巻</v>
          </cell>
          <cell r="E1300">
            <v>5200</v>
          </cell>
          <cell r="F1300" t="str">
            <v>0084-5</v>
          </cell>
          <cell r="G1300">
            <v>33</v>
          </cell>
        </row>
        <row r="1301">
          <cell r="C1301">
            <v>100850</v>
          </cell>
          <cell r="D1301" t="str">
            <v>10日でおぼえる Excel 関数＆マクロ入門教室 2002対応</v>
          </cell>
          <cell r="E1301">
            <v>2800</v>
          </cell>
          <cell r="F1301" t="str">
            <v>0085-2</v>
          </cell>
          <cell r="G1301">
            <v>11</v>
          </cell>
        </row>
        <row r="1302">
          <cell r="C1302">
            <v>100860</v>
          </cell>
          <cell r="D1302" t="str">
            <v>Oracle+UniCERTによる電子承認局 構築設定ガイド</v>
          </cell>
          <cell r="E1302">
            <v>3500</v>
          </cell>
          <cell r="F1302" t="str">
            <v>0086-9</v>
          </cell>
          <cell r="G1302">
            <v>33</v>
          </cell>
        </row>
        <row r="1303">
          <cell r="C1303">
            <v>100870</v>
          </cell>
          <cell r="D1303" t="str">
            <v>Jbuilder5で学ぶJava入門</v>
          </cell>
          <cell r="E1303">
            <v>2800</v>
          </cell>
          <cell r="F1303" t="str">
            <v>0087-6</v>
          </cell>
          <cell r="G1303">
            <v>33</v>
          </cell>
        </row>
        <row r="1304">
          <cell r="C1304">
            <v>100880</v>
          </cell>
          <cell r="D1304" t="str">
            <v>Linuxカーネル設定ガイド</v>
          </cell>
          <cell r="E1304">
            <v>3800</v>
          </cell>
          <cell r="F1304" t="str">
            <v>0088-3</v>
          </cell>
          <cell r="G1304">
            <v>11</v>
          </cell>
        </row>
        <row r="1305">
          <cell r="C1305">
            <v>100890</v>
          </cell>
          <cell r="D1305" t="str">
            <v>KDE3.0アプリケーションプログラミング</v>
          </cell>
          <cell r="E1305">
            <v>3200</v>
          </cell>
          <cell r="F1305" t="str">
            <v>0089-0</v>
          </cell>
          <cell r="G1305">
            <v>11</v>
          </cell>
        </row>
        <row r="1306">
          <cell r="C1306">
            <v>100900</v>
          </cell>
          <cell r="D1306" t="str">
            <v>10日でおぼえる Java実践教室 Java2SDK対応</v>
          </cell>
          <cell r="E1306">
            <v>3200</v>
          </cell>
          <cell r="F1306" t="str">
            <v>0090-6</v>
          </cell>
          <cell r="G1306">
            <v>11</v>
          </cell>
        </row>
        <row r="1307">
          <cell r="C1307">
            <v>100910</v>
          </cell>
          <cell r="D1307" t="str">
            <v>住中先生のビジネス強化塾</v>
          </cell>
          <cell r="E1307">
            <v>1580</v>
          </cell>
          <cell r="F1307" t="str">
            <v>0091-3</v>
          </cell>
          <cell r="G1307">
            <v>32</v>
          </cell>
        </row>
        <row r="1308">
          <cell r="C1308">
            <v>100920</v>
          </cell>
          <cell r="D1308" t="str">
            <v>考え方を考える アルゴリズム千夜一夜</v>
          </cell>
          <cell r="E1308">
            <v>2200</v>
          </cell>
          <cell r="F1308" t="str">
            <v>0092-0</v>
          </cell>
          <cell r="G1308">
            <v>11</v>
          </cell>
        </row>
        <row r="1309">
          <cell r="C1309">
            <v>100930</v>
          </cell>
          <cell r="D1309" t="str">
            <v>ビジネスコンポーネントファクトリ</v>
          </cell>
          <cell r="E1309">
            <v>6800</v>
          </cell>
          <cell r="F1309" t="str">
            <v>0093-7</v>
          </cell>
          <cell r="G1309">
            <v>11</v>
          </cell>
        </row>
        <row r="1310">
          <cell r="C1310">
            <v>100940</v>
          </cell>
          <cell r="D1310" t="str">
            <v>デタラメPhotoshop Elements</v>
          </cell>
          <cell r="E1310">
            <v>1900</v>
          </cell>
          <cell r="F1310" t="str">
            <v>0094-4</v>
          </cell>
          <cell r="G1310">
            <v>33</v>
          </cell>
        </row>
        <row r="1311">
          <cell r="C1311">
            <v>100950</v>
          </cell>
          <cell r="D1311" t="str">
            <v>ホームページ辞典 第2版</v>
          </cell>
          <cell r="E1311">
            <v>1900</v>
          </cell>
          <cell r="F1311" t="str">
            <v>0095-1</v>
          </cell>
          <cell r="G1311">
            <v>33</v>
          </cell>
        </row>
        <row r="1312">
          <cell r="C1312">
            <v>100960</v>
          </cell>
          <cell r="D1312" t="str">
            <v>図解 AutoCAD LT2002スタートアップガイド</v>
          </cell>
          <cell r="E1312">
            <v>2800</v>
          </cell>
          <cell r="F1312" t="str">
            <v>0096-8</v>
          </cell>
          <cell r="G1312">
            <v>33</v>
          </cell>
        </row>
        <row r="1313">
          <cell r="C1313">
            <v>100970</v>
          </cell>
          <cell r="D1313" t="str">
            <v>松井の会話</v>
          </cell>
          <cell r="E1313">
            <v>1280</v>
          </cell>
          <cell r="F1313" t="str">
            <v>0097-5</v>
          </cell>
          <cell r="G1313">
            <v>33</v>
          </cell>
        </row>
        <row r="1314">
          <cell r="C1314">
            <v>100980</v>
          </cell>
          <cell r="D1314" t="str">
            <v>PostgreSQLによるLinuxデータベース構築</v>
          </cell>
          <cell r="E1314">
            <v>2200</v>
          </cell>
          <cell r="F1314" t="str">
            <v>0098-2</v>
          </cell>
          <cell r="G1314">
            <v>33</v>
          </cell>
        </row>
        <row r="1315">
          <cell r="C1315">
            <v>100990</v>
          </cell>
          <cell r="D1315" t="str">
            <v>IPアドレス</v>
          </cell>
          <cell r="E1315">
            <v>3800</v>
          </cell>
          <cell r="F1315" t="str">
            <v>0099-9</v>
          </cell>
          <cell r="G1315">
            <v>11</v>
          </cell>
        </row>
        <row r="1316">
          <cell r="C1316">
            <v>101000</v>
          </cell>
          <cell r="D1316" t="str">
            <v>シェーキーの子どもたち</v>
          </cell>
          <cell r="E1316">
            <v>2500</v>
          </cell>
          <cell r="F1316" t="str">
            <v>0100-2</v>
          </cell>
          <cell r="G1316">
            <v>11</v>
          </cell>
        </row>
        <row r="1317">
          <cell r="C1317">
            <v>101010</v>
          </cell>
          <cell r="D1317" t="str">
            <v>現場で使える SQL</v>
          </cell>
          <cell r="E1317">
            <v>2200</v>
          </cell>
          <cell r="F1317" t="str">
            <v>0101-9</v>
          </cell>
          <cell r="G1317">
            <v>33</v>
          </cell>
        </row>
        <row r="1318">
          <cell r="C1318">
            <v>101020</v>
          </cell>
          <cell r="D1318" t="str">
            <v>Webサービス完全解説</v>
          </cell>
          <cell r="E1318">
            <v>3200</v>
          </cell>
          <cell r="F1318" t="str">
            <v>0102-6</v>
          </cell>
          <cell r="G1318">
            <v>11</v>
          </cell>
        </row>
        <row r="1319">
          <cell r="C1319">
            <v>101030</v>
          </cell>
          <cell r="D1319" t="str">
            <v>Cの絵本</v>
          </cell>
          <cell r="E1319">
            <v>1380</v>
          </cell>
          <cell r="F1319" t="str">
            <v>0103-3</v>
          </cell>
          <cell r="G1319">
            <v>11</v>
          </cell>
        </row>
        <row r="1320">
          <cell r="C1320">
            <v>101040</v>
          </cell>
          <cell r="D1320" t="str">
            <v>NFS &amp; Amd</v>
          </cell>
          <cell r="E1320">
            <v>5200</v>
          </cell>
          <cell r="F1320" t="str">
            <v>0104-0</v>
          </cell>
          <cell r="G1320">
            <v>11</v>
          </cell>
        </row>
        <row r="1321">
          <cell r="C1321">
            <v>101050</v>
          </cell>
          <cell r="D1321" t="str">
            <v>Linux2.4インターナル</v>
          </cell>
          <cell r="E1321">
            <v>3200</v>
          </cell>
          <cell r="F1321" t="str">
            <v>0105-7</v>
          </cell>
          <cell r="G1321">
            <v>11</v>
          </cell>
        </row>
        <row r="1322">
          <cell r="C1322">
            <v>101060</v>
          </cell>
          <cell r="D1322" t="str">
            <v>エンタープライズJavaによるWebアプリケーション構築入門</v>
          </cell>
          <cell r="E1322">
            <v>2800</v>
          </cell>
          <cell r="F1322" t="str">
            <v>0106-4</v>
          </cell>
          <cell r="G1322">
            <v>11</v>
          </cell>
        </row>
        <row r="1323">
          <cell r="C1323">
            <v>101070</v>
          </cell>
          <cell r="D1323" t="str">
            <v>Excel2002 関数辞典</v>
          </cell>
          <cell r="E1323">
            <v>1600</v>
          </cell>
          <cell r="F1323" t="str">
            <v>0107-1</v>
          </cell>
          <cell r="G1323">
            <v>11</v>
          </cell>
        </row>
        <row r="1324">
          <cell r="C1324">
            <v>101080</v>
          </cell>
          <cell r="D1324" t="str">
            <v>ULTRADEVELOPER WEB MASTERING BOOK</v>
          </cell>
          <cell r="E1324">
            <v>3800</v>
          </cell>
          <cell r="F1324" t="str">
            <v>0108-8</v>
          </cell>
          <cell r="G1324">
            <v>33</v>
          </cell>
        </row>
        <row r="1325">
          <cell r="C1325">
            <v>101090</v>
          </cell>
          <cell r="D1325" t="str">
            <v>BBS RE-DESIGN BOOK</v>
          </cell>
          <cell r="E1325">
            <v>1980</v>
          </cell>
          <cell r="F1325" t="str">
            <v>0109-5</v>
          </cell>
          <cell r="G1325">
            <v>11</v>
          </cell>
        </row>
        <row r="1326">
          <cell r="C1326">
            <v>101100</v>
          </cell>
          <cell r="D1326" t="str">
            <v>データモデリング基礎講座</v>
          </cell>
          <cell r="E1326">
            <v>2200</v>
          </cell>
          <cell r="F1326" t="str">
            <v>0110-1</v>
          </cell>
          <cell r="G1326">
            <v>11</v>
          </cell>
        </row>
        <row r="1327">
          <cell r="C1327">
            <v>101110</v>
          </cell>
          <cell r="D1327" t="str">
            <v>標準 C#.NETプログラミング1/C#言語構文編</v>
          </cell>
          <cell r="E1327">
            <v>3200</v>
          </cell>
          <cell r="F1327" t="str">
            <v>0111-8</v>
          </cell>
          <cell r="G1327">
            <v>33</v>
          </cell>
        </row>
        <row r="1328">
          <cell r="C1328">
            <v>101120</v>
          </cell>
          <cell r="D1328" t="str">
            <v>標準 C#.NETプログラミング2/.NETアプリケーション開発編</v>
          </cell>
          <cell r="E1328">
            <v>3800</v>
          </cell>
          <cell r="F1328" t="str">
            <v>0112-5</v>
          </cell>
          <cell r="G1328">
            <v>11</v>
          </cell>
        </row>
        <row r="1329">
          <cell r="C1329">
            <v>101130</v>
          </cell>
          <cell r="D1329" t="str">
            <v>合併人事</v>
          </cell>
          <cell r="E1329">
            <v>1500</v>
          </cell>
          <cell r="F1329" t="str">
            <v>0113-2</v>
          </cell>
          <cell r="G1329">
            <v>11</v>
          </cell>
        </row>
        <row r="1330">
          <cell r="C1330">
            <v>101140</v>
          </cell>
          <cell r="D1330" t="str">
            <v>ほめ上手のリーダーになれ</v>
          </cell>
          <cell r="E1330">
            <v>1600</v>
          </cell>
          <cell r="F1330" t="str">
            <v>0114-9</v>
          </cell>
          <cell r="G1330">
            <v>11</v>
          </cell>
        </row>
        <row r="1331">
          <cell r="C1331">
            <v>101170</v>
          </cell>
          <cell r="D1331" t="str">
            <v>創造的破壊</v>
          </cell>
          <cell r="E1331">
            <v>2500</v>
          </cell>
          <cell r="F1331" t="str">
            <v>0117-0</v>
          </cell>
          <cell r="G1331">
            <v>11</v>
          </cell>
        </row>
        <row r="1332">
          <cell r="C1332">
            <v>101180</v>
          </cell>
          <cell r="D1332" t="str">
            <v>あなたが伸びれば会社も伸びる</v>
          </cell>
          <cell r="E1332">
            <v>1600</v>
          </cell>
          <cell r="F1332" t="str">
            <v>0118-7</v>
          </cell>
          <cell r="G1332">
            <v>33</v>
          </cell>
        </row>
        <row r="1333">
          <cell r="C1333">
            <v>101200</v>
          </cell>
          <cell r="D1333" t="str">
            <v>PowerPointで作る企画書ベスト事例集</v>
          </cell>
          <cell r="E1333">
            <v>2200</v>
          </cell>
          <cell r="F1333" t="str">
            <v>0120-0</v>
          </cell>
          <cell r="G1333">
            <v>11</v>
          </cell>
        </row>
        <row r="1334">
          <cell r="C1334">
            <v>101210</v>
          </cell>
          <cell r="D1334" t="str">
            <v>IPsec徹底入門</v>
          </cell>
          <cell r="E1334">
            <v>2800</v>
          </cell>
          <cell r="F1334" t="str">
            <v>0121-7</v>
          </cell>
          <cell r="G1334">
            <v>11</v>
          </cell>
        </row>
        <row r="1335">
          <cell r="C1335">
            <v>101220</v>
          </cell>
          <cell r="D1335" t="str">
            <v>基本情報技術者 平成14年度春期</v>
          </cell>
          <cell r="E1335">
            <v>1900</v>
          </cell>
          <cell r="F1335" t="str">
            <v>0122-4</v>
          </cell>
          <cell r="G1335">
            <v>33</v>
          </cell>
        </row>
        <row r="1336">
          <cell r="C1336">
            <v>101230</v>
          </cell>
          <cell r="D1336" t="str">
            <v>初級システムアドミニストレータ 平成14年度春期</v>
          </cell>
          <cell r="E1336">
            <v>1900</v>
          </cell>
          <cell r="F1336" t="str">
            <v>0123-1</v>
          </cell>
          <cell r="G1336">
            <v>33</v>
          </cell>
        </row>
        <row r="1337">
          <cell r="C1337">
            <v>101240</v>
          </cell>
          <cell r="D1337" t="str">
            <v>ネットの落とし穴</v>
          </cell>
          <cell r="E1337">
            <v>1280</v>
          </cell>
          <cell r="F1337" t="str">
            <v>0124-8</v>
          </cell>
          <cell r="G1337">
            <v>33</v>
          </cell>
        </row>
        <row r="1338">
          <cell r="C1338">
            <v>101250</v>
          </cell>
          <cell r="D1338" t="str">
            <v>標準 ASP.NETプログラミング1</v>
          </cell>
          <cell r="E1338">
            <v>4200</v>
          </cell>
          <cell r="F1338" t="str">
            <v>0125-5</v>
          </cell>
          <cell r="G1338">
            <v>11</v>
          </cell>
        </row>
        <row r="1339">
          <cell r="C1339">
            <v>101260</v>
          </cell>
          <cell r="D1339" t="str">
            <v>標準 ASP.NETプログラミング2</v>
          </cell>
          <cell r="E1339">
            <v>3800</v>
          </cell>
          <cell r="F1339" t="str">
            <v>0126-2</v>
          </cell>
          <cell r="G1339">
            <v>11</v>
          </cell>
        </row>
        <row r="1340">
          <cell r="C1340">
            <v>101270</v>
          </cell>
          <cell r="D1340" t="str">
            <v>ユースケース実践ガイド</v>
          </cell>
          <cell r="E1340">
            <v>3800</v>
          </cell>
          <cell r="F1340" t="str">
            <v>0127-9</v>
          </cell>
          <cell r="G1340">
            <v>11</v>
          </cell>
        </row>
        <row r="1341">
          <cell r="C1341">
            <v>101280</v>
          </cell>
          <cell r="D1341" t="str">
            <v>eXtreme Programmingテスト技法</v>
          </cell>
          <cell r="E1341">
            <v>2400</v>
          </cell>
          <cell r="F1341" t="str">
            <v>0128-6</v>
          </cell>
          <cell r="G1341">
            <v>11</v>
          </cell>
        </row>
        <row r="1342">
          <cell r="C1342">
            <v>101290</v>
          </cell>
          <cell r="D1342" t="str">
            <v>ADO実践講座</v>
          </cell>
          <cell r="E1342">
            <v>3800</v>
          </cell>
          <cell r="F1342" t="str">
            <v>0129-3</v>
          </cell>
          <cell r="G1342">
            <v>11</v>
          </cell>
        </row>
        <row r="1343">
          <cell r="C1343">
            <v>101300</v>
          </cell>
          <cell r="D1343" t="str">
            <v>ADO集中講座</v>
          </cell>
          <cell r="E1343">
            <v>5800</v>
          </cell>
          <cell r="F1343" t="str">
            <v>0130-9</v>
          </cell>
          <cell r="G1343">
            <v>11</v>
          </cell>
        </row>
        <row r="1344">
          <cell r="C1344">
            <v>101310</v>
          </cell>
          <cell r="D1344" t="str">
            <v>計算問題の解き方</v>
          </cell>
          <cell r="E1344">
            <v>2200</v>
          </cell>
          <cell r="F1344" t="str">
            <v>0131-6</v>
          </cell>
          <cell r="G1344">
            <v>33</v>
          </cell>
        </row>
        <row r="1345">
          <cell r="C1345">
            <v>101320</v>
          </cell>
          <cell r="D1345" t="str">
            <v>87のキーワードから学ぶ Oracleデータベース</v>
          </cell>
          <cell r="E1345">
            <v>2400</v>
          </cell>
          <cell r="F1345" t="str">
            <v>0132-3</v>
          </cell>
          <cell r="G1345">
            <v>11</v>
          </cell>
        </row>
        <row r="1346">
          <cell r="C1346">
            <v>101330</v>
          </cell>
          <cell r="D1346" t="str">
            <v>例解PHP</v>
          </cell>
          <cell r="E1346">
            <v>3800</v>
          </cell>
          <cell r="F1346" t="str">
            <v>0133-0</v>
          </cell>
          <cell r="G1346">
            <v>11</v>
          </cell>
        </row>
        <row r="1347">
          <cell r="C1347">
            <v>101350</v>
          </cell>
          <cell r="D1347" t="str">
            <v>システム管理ってそういうことだったのか</v>
          </cell>
          <cell r="E1347">
            <v>1600</v>
          </cell>
          <cell r="F1347" t="str">
            <v>0135-4</v>
          </cell>
          <cell r="G1347">
            <v>11</v>
          </cell>
        </row>
        <row r="1348">
          <cell r="C1348">
            <v>101360</v>
          </cell>
          <cell r="D1348" t="str">
            <v>図解でおぼえる Mew+αの使い方</v>
          </cell>
          <cell r="E1348">
            <v>2800</v>
          </cell>
          <cell r="F1348" t="str">
            <v>0136-1</v>
          </cell>
          <cell r="G1348">
            <v>11</v>
          </cell>
        </row>
        <row r="1349">
          <cell r="C1349">
            <v>101370</v>
          </cell>
          <cell r="D1349" t="str">
            <v>10日でおぼえる XML入門教室</v>
          </cell>
          <cell r="E1349">
            <v>2800</v>
          </cell>
          <cell r="F1349" t="str">
            <v>0137-8</v>
          </cell>
          <cell r="G1349">
            <v>33</v>
          </cell>
        </row>
        <row r="1350">
          <cell r="C1350">
            <v>101380</v>
          </cell>
          <cell r="D1350" t="str">
            <v>ストリーミングコンテンツデザインガイド</v>
          </cell>
          <cell r="E1350">
            <v>3200</v>
          </cell>
          <cell r="F1350" t="str">
            <v>0138-5</v>
          </cell>
          <cell r="G1350">
            <v>11</v>
          </cell>
        </row>
        <row r="1351">
          <cell r="C1351">
            <v>101390</v>
          </cell>
          <cell r="D1351" t="str">
            <v>MPLS入門</v>
          </cell>
          <cell r="E1351">
            <v>3800</v>
          </cell>
          <cell r="F1351" t="str">
            <v>0139-2</v>
          </cell>
          <cell r="G1351">
            <v>11</v>
          </cell>
        </row>
        <row r="1352">
          <cell r="C1352">
            <v>101400</v>
          </cell>
          <cell r="D1352" t="str">
            <v>「個」客革命</v>
          </cell>
          <cell r="E1352">
            <v>2400</v>
          </cell>
          <cell r="F1352" t="str">
            <v>0140-8</v>
          </cell>
          <cell r="G1352">
            <v>11</v>
          </cell>
        </row>
        <row r="1353">
          <cell r="C1353">
            <v>101410</v>
          </cell>
          <cell r="D1353" t="str">
            <v>80のキーワードから学ぶ 基本ネットワーク技術</v>
          </cell>
          <cell r="E1353">
            <v>2280</v>
          </cell>
          <cell r="F1353" t="str">
            <v>0141-5</v>
          </cell>
          <cell r="G1353">
            <v>11</v>
          </cell>
        </row>
        <row r="1354">
          <cell r="C1354">
            <v>101420</v>
          </cell>
          <cell r="D1354" t="str">
            <v>ネットワーク不正侵入検知</v>
          </cell>
          <cell r="E1354">
            <v>4200</v>
          </cell>
          <cell r="F1354" t="str">
            <v>0142-2</v>
          </cell>
          <cell r="G1354">
            <v>11</v>
          </cell>
        </row>
        <row r="1355">
          <cell r="C1355">
            <v>101430</v>
          </cell>
          <cell r="D1355" t="str">
            <v>C/C++ プログラミング辞典 第2版</v>
          </cell>
          <cell r="E1355">
            <v>2400</v>
          </cell>
          <cell r="F1355" t="str">
            <v>0143-9</v>
          </cell>
          <cell r="G1355">
            <v>33</v>
          </cell>
        </row>
        <row r="1356">
          <cell r="C1356">
            <v>101440</v>
          </cell>
          <cell r="D1356" t="str">
            <v>Java プログラミング辞典 基礎編</v>
          </cell>
          <cell r="E1356">
            <v>2980</v>
          </cell>
          <cell r="F1356" t="str">
            <v>0144-6</v>
          </cell>
          <cell r="G1356">
            <v>11</v>
          </cell>
        </row>
        <row r="1357">
          <cell r="C1357">
            <v>101450</v>
          </cell>
          <cell r="D1357" t="str">
            <v>ザ・ブランド</v>
          </cell>
          <cell r="E1357">
            <v>2500</v>
          </cell>
          <cell r="F1357" t="str">
            <v>0145-3</v>
          </cell>
          <cell r="G1357">
            <v>11</v>
          </cell>
        </row>
        <row r="1358">
          <cell r="C1358">
            <v>101460</v>
          </cell>
          <cell r="D1358" t="str">
            <v>独習C#</v>
          </cell>
          <cell r="E1358">
            <v>3800</v>
          </cell>
          <cell r="F1358" t="str">
            <v>0146-0</v>
          </cell>
          <cell r="G1358">
            <v>21</v>
          </cell>
        </row>
        <row r="1359">
          <cell r="C1359">
            <v>101470</v>
          </cell>
          <cell r="D1359" t="str">
            <v>Oracle9iDatabase新機能ガイド XML</v>
          </cell>
          <cell r="E1359">
            <v>2800</v>
          </cell>
          <cell r="F1359" t="str">
            <v>0147-7</v>
          </cell>
          <cell r="G1359">
            <v>11</v>
          </cell>
        </row>
        <row r="1360">
          <cell r="C1360">
            <v>101490</v>
          </cell>
          <cell r="D1360" t="str">
            <v>ウォー・フォー・タレント</v>
          </cell>
          <cell r="E1360">
            <v>2200</v>
          </cell>
          <cell r="F1360" t="str">
            <v>0149-1</v>
          </cell>
          <cell r="G1360">
            <v>11</v>
          </cell>
        </row>
        <row r="1361">
          <cell r="C1361">
            <v>101500</v>
          </cell>
          <cell r="D1361" t="str">
            <v>PowerPointマル勝プレゼンテーション術</v>
          </cell>
          <cell r="E1361">
            <v>2200</v>
          </cell>
          <cell r="F1361" t="str">
            <v>0150-7</v>
          </cell>
          <cell r="G1361">
            <v>11</v>
          </cell>
        </row>
        <row r="1362">
          <cell r="C1362">
            <v>101510</v>
          </cell>
          <cell r="D1362" t="str">
            <v>10日でおぼえる Access VBA＆マクロ入門教室 2002対応</v>
          </cell>
          <cell r="E1362">
            <v>2800</v>
          </cell>
          <cell r="F1362" t="str">
            <v>0151-4</v>
          </cell>
          <cell r="G1362">
            <v>11</v>
          </cell>
        </row>
        <row r="1363">
          <cell r="C1363">
            <v>101520</v>
          </cell>
          <cell r="D1363" t="str">
            <v>キャズム</v>
          </cell>
          <cell r="E1363">
            <v>2000</v>
          </cell>
          <cell r="F1363" t="str">
            <v>0152-1</v>
          </cell>
          <cell r="G1363">
            <v>11</v>
          </cell>
        </row>
        <row r="1364">
          <cell r="C1364">
            <v>101530</v>
          </cell>
          <cell r="D1364" t="str">
            <v>はじめる WindowsXP</v>
          </cell>
          <cell r="E1364">
            <v>950</v>
          </cell>
          <cell r="F1364" t="str">
            <v>0153-8</v>
          </cell>
          <cell r="G1364">
            <v>11</v>
          </cell>
        </row>
        <row r="1365">
          <cell r="C1365">
            <v>101540</v>
          </cell>
          <cell r="D1365" t="str">
            <v>SUN教科書 Solaris8</v>
          </cell>
          <cell r="E1365">
            <v>4800</v>
          </cell>
          <cell r="F1365" t="str">
            <v>0154-5</v>
          </cell>
          <cell r="G1365">
            <v>11</v>
          </cell>
        </row>
        <row r="1366">
          <cell r="C1366">
            <v>101550</v>
          </cell>
          <cell r="D1366" t="str">
            <v>Oracle8i バックアップ＆リカバリー</v>
          </cell>
          <cell r="E1366">
            <v>6200</v>
          </cell>
          <cell r="F1366" t="str">
            <v>0155-2</v>
          </cell>
          <cell r="G1366">
            <v>11</v>
          </cell>
        </row>
        <row r="1367">
          <cell r="C1367">
            <v>101560</v>
          </cell>
          <cell r="D1367" t="str">
            <v>10日でおぼえる UML入門教室</v>
          </cell>
          <cell r="E1367">
            <v>2800</v>
          </cell>
          <cell r="F1367" t="str">
            <v>0156-9</v>
          </cell>
          <cell r="G1367">
            <v>11</v>
          </cell>
        </row>
        <row r="1368">
          <cell r="C1368">
            <v>101570</v>
          </cell>
          <cell r="D1368" t="str">
            <v>Palmパーフェクトマニュアル</v>
          </cell>
          <cell r="E1368">
            <v>2200</v>
          </cell>
          <cell r="F1368" t="str">
            <v>0157-6</v>
          </cell>
          <cell r="G1368">
            <v>11</v>
          </cell>
        </row>
        <row r="1369">
          <cell r="C1369">
            <v>101580</v>
          </cell>
          <cell r="D1369" t="str">
            <v>Acrobat5.0+PDF完全マスター</v>
          </cell>
          <cell r="E1369">
            <v>2400</v>
          </cell>
          <cell r="F1369" t="str">
            <v>0158-3</v>
          </cell>
          <cell r="G1369">
            <v>11</v>
          </cell>
        </row>
        <row r="1370">
          <cell r="C1370">
            <v>101590</v>
          </cell>
          <cell r="D1370" t="str">
            <v>かしこいカップルが最後に笑う</v>
          </cell>
          <cell r="E1370">
            <v>1400</v>
          </cell>
          <cell r="F1370" t="str">
            <v>0159-0</v>
          </cell>
          <cell r="G1370">
            <v>11</v>
          </cell>
        </row>
        <row r="1371">
          <cell r="C1371">
            <v>101600</v>
          </cell>
          <cell r="D1371" t="str">
            <v>Oracle9iDatabase新機能ガイド ミッションクリティカルシステム</v>
          </cell>
          <cell r="E1371">
            <v>3800</v>
          </cell>
          <cell r="F1371" t="str">
            <v>0160-6</v>
          </cell>
          <cell r="G1371">
            <v>11</v>
          </cell>
        </row>
        <row r="1372">
          <cell r="C1372">
            <v>101610</v>
          </cell>
          <cell r="D1372" t="str">
            <v>Oracle9iDatabase新機能ガイド セキュアシステム</v>
          </cell>
          <cell r="E1372">
            <v>3200</v>
          </cell>
          <cell r="F1372" t="str">
            <v>0161-3</v>
          </cell>
          <cell r="G1372">
            <v>11</v>
          </cell>
        </row>
        <row r="1373">
          <cell r="C1373">
            <v>101620</v>
          </cell>
          <cell r="D1373" t="str">
            <v>Flash+PhotoshopWebアニメーションメイキングブック</v>
          </cell>
          <cell r="E1373">
            <v>2800</v>
          </cell>
          <cell r="F1373" t="str">
            <v>0162-0</v>
          </cell>
          <cell r="G1373">
            <v>11</v>
          </cell>
        </row>
        <row r="1374">
          <cell r="C1374">
            <v>101630</v>
          </cell>
          <cell r="D1374" t="str">
            <v>CSS+HTML RECYCLE BOOK</v>
          </cell>
          <cell r="E1374">
            <v>2500</v>
          </cell>
          <cell r="F1374" t="str">
            <v>0163-7</v>
          </cell>
          <cell r="G1374">
            <v>11</v>
          </cell>
        </row>
        <row r="1375">
          <cell r="C1375">
            <v>101640</v>
          </cell>
          <cell r="D1375" t="str">
            <v>独習JSP</v>
          </cell>
          <cell r="E1375">
            <v>3800</v>
          </cell>
          <cell r="F1375" t="str">
            <v>0164-4</v>
          </cell>
          <cell r="G1375">
            <v>11</v>
          </cell>
        </row>
        <row r="1376">
          <cell r="C1376">
            <v>101650</v>
          </cell>
          <cell r="D1376" t="str">
            <v>独習UML 改訂版</v>
          </cell>
          <cell r="E1376">
            <v>3600</v>
          </cell>
          <cell r="F1376" t="str">
            <v>0165-1</v>
          </cell>
          <cell r="G1376">
            <v>33</v>
          </cell>
        </row>
        <row r="1377">
          <cell r="C1377">
            <v>101660</v>
          </cell>
          <cell r="D1377" t="str">
            <v>詳解OSPF</v>
          </cell>
          <cell r="E1377">
            <v>4300</v>
          </cell>
          <cell r="F1377" t="str">
            <v>0166-8</v>
          </cell>
          <cell r="G1377">
            <v>11</v>
          </cell>
        </row>
        <row r="1378">
          <cell r="C1378">
            <v>101670</v>
          </cell>
          <cell r="D1378" t="str">
            <v>Oracleデータベース管理速習ガイド</v>
          </cell>
          <cell r="E1378">
            <v>1714</v>
          </cell>
          <cell r="F1378" t="str">
            <v>0167-5</v>
          </cell>
          <cell r="G1378">
            <v>11</v>
          </cell>
        </row>
        <row r="1379">
          <cell r="C1379">
            <v>101680</v>
          </cell>
          <cell r="D1379" t="str">
            <v>図解 AutoCADLT2002 機械製図バイブル</v>
          </cell>
          <cell r="E1379">
            <v>4200</v>
          </cell>
          <cell r="F1379" t="str">
            <v>0168-2</v>
          </cell>
          <cell r="G1379">
            <v>11</v>
          </cell>
        </row>
        <row r="1380">
          <cell r="C1380">
            <v>101690</v>
          </cell>
          <cell r="D1380" t="str">
            <v>Illustrator Web Design Book</v>
          </cell>
          <cell r="E1380">
            <v>2980</v>
          </cell>
          <cell r="F1380" t="str">
            <v>0169-9</v>
          </cell>
          <cell r="G1380">
            <v>11</v>
          </cell>
        </row>
        <row r="1381">
          <cell r="C1381">
            <v>101700</v>
          </cell>
          <cell r="D1381" t="str">
            <v>Oracle9iDatabase新機能ガイド メッセージングシステム</v>
          </cell>
          <cell r="E1381">
            <v>4800</v>
          </cell>
          <cell r="F1381" t="str">
            <v>0170-5</v>
          </cell>
          <cell r="G1381">
            <v>33</v>
          </cell>
        </row>
        <row r="1382">
          <cell r="C1382">
            <v>101710</v>
          </cell>
          <cell r="D1382" t="str">
            <v>FreeBSD徹底入門 改訂版</v>
          </cell>
          <cell r="E1382">
            <v>3800</v>
          </cell>
          <cell r="F1382" t="str">
            <v>0171-2</v>
          </cell>
          <cell r="G1382">
            <v>11</v>
          </cell>
        </row>
        <row r="1383">
          <cell r="C1383">
            <v>101720</v>
          </cell>
          <cell r="D1383" t="str">
            <v>MCSE教科書 SQL Server2000 Administration</v>
          </cell>
          <cell r="E1383">
            <v>4800</v>
          </cell>
          <cell r="F1383" t="str">
            <v>0172-9</v>
          </cell>
          <cell r="G1383">
            <v>21</v>
          </cell>
        </row>
        <row r="1384">
          <cell r="C1384">
            <v>101730</v>
          </cell>
          <cell r="D1384" t="str">
            <v>MCSE教科書 SQL Server2000 Database Design</v>
          </cell>
          <cell r="E1384">
            <v>4800</v>
          </cell>
          <cell r="F1384" t="str">
            <v>0173-6</v>
          </cell>
          <cell r="G1384">
            <v>11</v>
          </cell>
        </row>
        <row r="1385">
          <cell r="C1385">
            <v>101750</v>
          </cell>
          <cell r="D1385" t="str">
            <v>Illustrator 500Style template Book</v>
          </cell>
          <cell r="E1385">
            <v>2800</v>
          </cell>
          <cell r="F1385" t="str">
            <v>0175-0</v>
          </cell>
          <cell r="G1385">
            <v>21</v>
          </cell>
        </row>
        <row r="1386">
          <cell r="C1386">
            <v>101760</v>
          </cell>
          <cell r="D1386" t="str">
            <v>ビジネスインテリジェンス</v>
          </cell>
          <cell r="E1386">
            <v>2500</v>
          </cell>
          <cell r="F1386" t="str">
            <v>0176-7</v>
          </cell>
          <cell r="G1386">
            <v>33</v>
          </cell>
        </row>
        <row r="1387">
          <cell r="C1387">
            <v>101780</v>
          </cell>
          <cell r="D1387" t="str">
            <v>10日でおぼえる Access実用データベース入門教室 2002対応</v>
          </cell>
          <cell r="E1387">
            <v>2800</v>
          </cell>
          <cell r="F1387" t="str">
            <v>0178-1</v>
          </cell>
          <cell r="G1387">
            <v>11</v>
          </cell>
        </row>
        <row r="1388">
          <cell r="C1388">
            <v>101790</v>
          </cell>
          <cell r="D1388" t="str">
            <v>情報デザインケーススタディ</v>
          </cell>
          <cell r="E1388">
            <v>2800</v>
          </cell>
          <cell r="F1388" t="str">
            <v>0179-8</v>
          </cell>
          <cell r="G1388">
            <v>34</v>
          </cell>
        </row>
        <row r="1389">
          <cell r="C1389">
            <v>101800</v>
          </cell>
          <cell r="D1389" t="str">
            <v>商用Webプロデュース実践ワークフロー</v>
          </cell>
          <cell r="E1389">
            <v>1900</v>
          </cell>
          <cell r="F1389" t="str">
            <v>0180-4</v>
          </cell>
          <cell r="G1389">
            <v>11</v>
          </cell>
        </row>
        <row r="1390">
          <cell r="C1390">
            <v>101810</v>
          </cell>
          <cell r="D1390" t="str">
            <v>安全自宅サーバ活用ガイドブック for WindowsXP</v>
          </cell>
          <cell r="E1390">
            <v>2200</v>
          </cell>
          <cell r="F1390" t="str">
            <v>0181-1</v>
          </cell>
          <cell r="G1390">
            <v>11</v>
          </cell>
        </row>
        <row r="1391">
          <cell r="C1391">
            <v>101820</v>
          </cell>
          <cell r="D1391" t="str">
            <v>WEB DESIGNERS FILE</v>
          </cell>
          <cell r="E1391">
            <v>2000</v>
          </cell>
          <cell r="F1391" t="str">
            <v>0182-8</v>
          </cell>
          <cell r="G1391">
            <v>11</v>
          </cell>
        </row>
        <row r="1392">
          <cell r="C1392">
            <v>101830</v>
          </cell>
          <cell r="D1392" t="str">
            <v>10日でおぼえる JavaScript入門教室</v>
          </cell>
          <cell r="E1392">
            <v>2400</v>
          </cell>
          <cell r="F1392" t="str">
            <v>0183-5</v>
          </cell>
          <cell r="G1392">
            <v>21</v>
          </cell>
        </row>
        <row r="1393">
          <cell r="C1393">
            <v>101840</v>
          </cell>
          <cell r="D1393" t="str">
            <v>WindowsXPシステム設定事典</v>
          </cell>
          <cell r="E1393">
            <v>1800</v>
          </cell>
          <cell r="F1393" t="str">
            <v>0184-2</v>
          </cell>
          <cell r="G1393">
            <v>11</v>
          </cell>
        </row>
        <row r="1394">
          <cell r="C1394">
            <v>101850</v>
          </cell>
          <cell r="D1394" t="str">
            <v>WindowsMessenger完全導入ガイド</v>
          </cell>
          <cell r="E1394">
            <v>1600</v>
          </cell>
          <cell r="F1394" t="str">
            <v>0185-9</v>
          </cell>
          <cell r="G1394">
            <v>11</v>
          </cell>
        </row>
        <row r="1395">
          <cell r="C1395">
            <v>101860</v>
          </cell>
          <cell r="D1395" t="str">
            <v>Excel2002 完全制覇パーフェクト</v>
          </cell>
          <cell r="E1395">
            <v>2680</v>
          </cell>
          <cell r="F1395" t="str">
            <v>0186-6</v>
          </cell>
          <cell r="G1395">
            <v>11</v>
          </cell>
        </row>
        <row r="1396">
          <cell r="C1396">
            <v>101870</v>
          </cell>
          <cell r="D1396" t="str">
            <v>ゴンゾーマーケティング</v>
          </cell>
          <cell r="E1396">
            <v>2000</v>
          </cell>
          <cell r="F1396" t="str">
            <v>0187-3</v>
          </cell>
          <cell r="G1396">
            <v>11</v>
          </cell>
        </row>
        <row r="1397">
          <cell r="C1397">
            <v>101880</v>
          </cell>
          <cell r="D1397" t="str">
            <v>ファイルの圧縮・解凍事典</v>
          </cell>
          <cell r="E1397">
            <v>1600</v>
          </cell>
          <cell r="F1397" t="str">
            <v>0188-0</v>
          </cell>
          <cell r="G1397">
            <v>11</v>
          </cell>
        </row>
        <row r="1398">
          <cell r="C1398">
            <v>101890</v>
          </cell>
          <cell r="D1398" t="str">
            <v>10日でおぼえる JSPサーブレット入門教室</v>
          </cell>
          <cell r="E1398">
            <v>2800</v>
          </cell>
          <cell r="F1398" t="str">
            <v>0189-7</v>
          </cell>
          <cell r="G1398">
            <v>33</v>
          </cell>
        </row>
        <row r="1399">
          <cell r="C1399">
            <v>101900</v>
          </cell>
          <cell r="D1399" t="str">
            <v>10日でおぼえる Excel VBA実践教室 2002対応</v>
          </cell>
          <cell r="E1399">
            <v>2800</v>
          </cell>
          <cell r="F1399" t="str">
            <v>0190-3</v>
          </cell>
          <cell r="G1399">
            <v>11</v>
          </cell>
        </row>
        <row r="1400">
          <cell r="C1400">
            <v>101910</v>
          </cell>
          <cell r="D1400" t="str">
            <v>ネットトラブル・セキュリティ事典</v>
          </cell>
          <cell r="E1400">
            <v>1980</v>
          </cell>
          <cell r="F1400" t="str">
            <v>0191-0</v>
          </cell>
          <cell r="G1400">
            <v>11</v>
          </cell>
        </row>
        <row r="1401">
          <cell r="C1401">
            <v>101920</v>
          </cell>
          <cell r="D1401" t="str">
            <v>Shadeの達人"R"</v>
          </cell>
          <cell r="E1401">
            <v>4300</v>
          </cell>
          <cell r="F1401" t="str">
            <v>0192-7</v>
          </cell>
          <cell r="G1401">
            <v>11</v>
          </cell>
        </row>
        <row r="1402">
          <cell r="C1402">
            <v>101930</v>
          </cell>
          <cell r="D1402" t="str">
            <v>UMLワークブック</v>
          </cell>
          <cell r="E1402">
            <v>1980</v>
          </cell>
          <cell r="F1402" t="str">
            <v>0193-4</v>
          </cell>
          <cell r="G1402">
            <v>21</v>
          </cell>
        </row>
        <row r="1403">
          <cell r="C1403">
            <v>101940</v>
          </cell>
          <cell r="D1403" t="str">
            <v>デザインパターンワークブック</v>
          </cell>
          <cell r="E1403">
            <v>2280</v>
          </cell>
          <cell r="F1403" t="str">
            <v>0194-1</v>
          </cell>
          <cell r="G1403">
            <v>11</v>
          </cell>
        </row>
        <row r="1404">
          <cell r="C1404">
            <v>101960</v>
          </cell>
          <cell r="D1404" t="str">
            <v>WindowsXP評価導入ガイド</v>
          </cell>
          <cell r="E1404">
            <v>1714</v>
          </cell>
          <cell r="F1404" t="str">
            <v>0196-5</v>
          </cell>
          <cell r="G1404">
            <v>33</v>
          </cell>
        </row>
        <row r="1405">
          <cell r="C1405">
            <v>101970</v>
          </cell>
          <cell r="D1405" t="str">
            <v>PKI eセキュリティの実装と管理 RSA Press</v>
          </cell>
          <cell r="E1405">
            <v>4800</v>
          </cell>
          <cell r="F1405" t="str">
            <v>0197-2</v>
          </cell>
          <cell r="G1405">
            <v>11</v>
          </cell>
        </row>
        <row r="1406">
          <cell r="C1406">
            <v>101980</v>
          </cell>
          <cell r="D1406" t="str">
            <v>RSAセキュリティオフィシャルガイド/暗号化 RSA Press</v>
          </cell>
          <cell r="E1406">
            <v>4200</v>
          </cell>
          <cell r="F1406" t="str">
            <v>0198-9</v>
          </cell>
          <cell r="G1406">
            <v>11</v>
          </cell>
        </row>
        <row r="1407">
          <cell r="C1407">
            <v>102000</v>
          </cell>
          <cell r="D1407" t="str">
            <v>MOUS教科書 Excel2002 一般試験</v>
          </cell>
          <cell r="E1407">
            <v>1980</v>
          </cell>
          <cell r="F1407" t="str">
            <v>0200-9</v>
          </cell>
          <cell r="G1407">
            <v>11</v>
          </cell>
        </row>
        <row r="1408">
          <cell r="C1408">
            <v>102010</v>
          </cell>
          <cell r="D1408" t="str">
            <v>MOUS教科書 Word2002 一般試験</v>
          </cell>
          <cell r="E1408">
            <v>1980</v>
          </cell>
          <cell r="F1408" t="str">
            <v>0201-6</v>
          </cell>
          <cell r="G1408">
            <v>11</v>
          </cell>
        </row>
        <row r="1409">
          <cell r="C1409">
            <v>102020</v>
          </cell>
          <cell r="D1409" t="str">
            <v>バイオビジネス白書 2002年版</v>
          </cell>
          <cell r="E1409">
            <v>3200</v>
          </cell>
          <cell r="F1409" t="str">
            <v>0202-3</v>
          </cell>
          <cell r="G1409">
            <v>33</v>
          </cell>
        </row>
        <row r="1410">
          <cell r="C1410">
            <v>102030</v>
          </cell>
          <cell r="D1410" t="str">
            <v>全部無料で宣伝してもらう、対マスコミPR術</v>
          </cell>
          <cell r="E1410">
            <v>1500</v>
          </cell>
          <cell r="F1410" t="str">
            <v>0203-0</v>
          </cell>
          <cell r="G1410">
            <v>11</v>
          </cell>
        </row>
        <row r="1411">
          <cell r="C1411">
            <v>102040</v>
          </cell>
          <cell r="D1411" t="str">
            <v>コモンズ</v>
          </cell>
          <cell r="E1411">
            <v>2800</v>
          </cell>
          <cell r="F1411" t="str">
            <v>0204-7</v>
          </cell>
          <cell r="G1411">
            <v>11</v>
          </cell>
        </row>
        <row r="1412">
          <cell r="C1412">
            <v>102050</v>
          </cell>
          <cell r="D1412" t="str">
            <v>アメリカを創ったベンチャーキャピタリスト</v>
          </cell>
          <cell r="E1412">
            <v>2800</v>
          </cell>
          <cell r="F1412" t="str">
            <v>0205-4</v>
          </cell>
          <cell r="G1412">
            <v>33</v>
          </cell>
        </row>
        <row r="1413">
          <cell r="C1413">
            <v>102060</v>
          </cell>
          <cell r="D1413" t="str">
            <v>.com Master教科書 .com Master★2002</v>
          </cell>
          <cell r="E1413">
            <v>2800</v>
          </cell>
          <cell r="F1413" t="str">
            <v>0206-1</v>
          </cell>
          <cell r="G1413">
            <v>33</v>
          </cell>
        </row>
        <row r="1414">
          <cell r="C1414">
            <v>102070</v>
          </cell>
          <cell r="D1414" t="str">
            <v>MOUS教科書 Excel2002 上級試験</v>
          </cell>
          <cell r="E1414">
            <v>2480</v>
          </cell>
          <cell r="F1414" t="str">
            <v>0207-8</v>
          </cell>
          <cell r="G1414">
            <v>11</v>
          </cell>
        </row>
        <row r="1415">
          <cell r="C1415">
            <v>102080</v>
          </cell>
          <cell r="D1415" t="str">
            <v>MOUS教科書 Word2002 上級試験</v>
          </cell>
          <cell r="E1415">
            <v>2480</v>
          </cell>
          <cell r="F1415" t="str">
            <v>0208-5</v>
          </cell>
          <cell r="G1415">
            <v>11</v>
          </cell>
        </row>
        <row r="1416">
          <cell r="C1416">
            <v>102090</v>
          </cell>
          <cell r="D1416" t="str">
            <v>情報セキュリティアドミニストレータ 平成14年度</v>
          </cell>
          <cell r="E1416">
            <v>2600</v>
          </cell>
          <cell r="F1416" t="str">
            <v>0209-2</v>
          </cell>
          <cell r="G1416">
            <v>33</v>
          </cell>
        </row>
        <row r="1417">
          <cell r="C1417">
            <v>102100</v>
          </cell>
          <cell r="D1417" t="str">
            <v>ウェブレイアウトドリル</v>
          </cell>
          <cell r="E1417">
            <v>1980</v>
          </cell>
          <cell r="F1417" t="str">
            <v>0210-8</v>
          </cell>
          <cell r="G1417">
            <v>11</v>
          </cell>
        </row>
        <row r="1418">
          <cell r="C1418">
            <v>102110</v>
          </cell>
          <cell r="D1418" t="str">
            <v>UMLによるエンタープライズJava開発</v>
          </cell>
          <cell r="E1418">
            <v>5200</v>
          </cell>
          <cell r="F1418" t="str">
            <v>0211-5</v>
          </cell>
          <cell r="G1418">
            <v>11</v>
          </cell>
        </row>
        <row r="1419">
          <cell r="C1419">
            <v>102120</v>
          </cell>
          <cell r="D1419" t="str">
            <v>JavaとUMLで学ぶオブジェクト指向の考え方</v>
          </cell>
          <cell r="E1419">
            <v>2600</v>
          </cell>
          <cell r="F1419" t="str">
            <v>0212-2</v>
          </cell>
          <cell r="G1419">
            <v>11</v>
          </cell>
        </row>
        <row r="1420">
          <cell r="C1420">
            <v>102130</v>
          </cell>
          <cell r="D1420" t="str">
            <v>マスタリング EnterpriseJavaBeans</v>
          </cell>
          <cell r="E1420">
            <v>5800</v>
          </cell>
          <cell r="F1420" t="str">
            <v>0213-9</v>
          </cell>
          <cell r="G1420">
            <v>11</v>
          </cell>
        </row>
        <row r="1421">
          <cell r="C1421">
            <v>102140</v>
          </cell>
          <cell r="D1421" t="str">
            <v>組み込みUML</v>
          </cell>
          <cell r="E1421">
            <v>2800</v>
          </cell>
          <cell r="F1421" t="str">
            <v>0214-6</v>
          </cell>
          <cell r="G1421">
            <v>11</v>
          </cell>
        </row>
        <row r="1422">
          <cell r="C1422">
            <v>102150</v>
          </cell>
          <cell r="D1422" t="str">
            <v>Ciscoビギナーズガイド 第2版</v>
          </cell>
          <cell r="E1422">
            <v>4800</v>
          </cell>
          <cell r="F1422" t="str">
            <v>0215-3</v>
          </cell>
          <cell r="G1422">
            <v>11</v>
          </cell>
        </row>
        <row r="1423">
          <cell r="C1423">
            <v>102160</v>
          </cell>
          <cell r="D1423" t="str">
            <v>標準 VB.NETプログラミング</v>
          </cell>
          <cell r="E1423">
            <v>4200</v>
          </cell>
          <cell r="F1423" t="str">
            <v>0216-0</v>
          </cell>
          <cell r="G1423">
            <v>11</v>
          </cell>
        </row>
        <row r="1424">
          <cell r="C1424">
            <v>102170</v>
          </cell>
          <cell r="D1424" t="str">
            <v>C#で学ぶオブジェクト指向プログラミング</v>
          </cell>
          <cell r="E1424">
            <v>3200</v>
          </cell>
          <cell r="F1424" t="str">
            <v>0217-7</v>
          </cell>
          <cell r="G1424">
            <v>11</v>
          </cell>
        </row>
        <row r="1425">
          <cell r="C1425">
            <v>102180</v>
          </cell>
          <cell r="D1425" t="str">
            <v>eXtream Programming実践レポート</v>
          </cell>
          <cell r="E1425">
            <v>2400</v>
          </cell>
          <cell r="F1425" t="str">
            <v>0218-4</v>
          </cell>
          <cell r="G1425">
            <v>11</v>
          </cell>
        </row>
        <row r="1426">
          <cell r="C1426">
            <v>102190</v>
          </cell>
          <cell r="D1426" t="str">
            <v>適応型ソフトウェア開発</v>
          </cell>
          <cell r="E1426">
            <v>4800</v>
          </cell>
          <cell r="F1426" t="str">
            <v>0219-1</v>
          </cell>
          <cell r="G1426">
            <v>11</v>
          </cell>
        </row>
        <row r="1427">
          <cell r="C1427">
            <v>102200</v>
          </cell>
          <cell r="D1427" t="str">
            <v>DirectX+VB.NETではじめるゲームプログラミング</v>
          </cell>
          <cell r="E1427">
            <v>2800</v>
          </cell>
          <cell r="F1427" t="str">
            <v>0220-7</v>
          </cell>
          <cell r="G1427">
            <v>11</v>
          </cell>
        </row>
        <row r="1428">
          <cell r="C1428">
            <v>102210</v>
          </cell>
          <cell r="D1428" t="str">
            <v>MySQL徹底活用</v>
          </cell>
          <cell r="E1428">
            <v>3200</v>
          </cell>
          <cell r="F1428" t="str">
            <v>0221-4</v>
          </cell>
          <cell r="G1428">
            <v>33</v>
          </cell>
        </row>
        <row r="1429">
          <cell r="C1429">
            <v>102220</v>
          </cell>
          <cell r="D1429" t="str">
            <v>これならわかる VB.NETプログラミング</v>
          </cell>
          <cell r="E1429">
            <v>2200</v>
          </cell>
          <cell r="F1429" t="str">
            <v>0222-1</v>
          </cell>
          <cell r="G1429">
            <v>11</v>
          </cell>
        </row>
        <row r="1430">
          <cell r="C1430">
            <v>102230</v>
          </cell>
          <cell r="D1430" t="str">
            <v>MBAベストビジネススクールガイド</v>
          </cell>
          <cell r="E1430">
            <v>3000</v>
          </cell>
          <cell r="F1430" t="str">
            <v>0223-8</v>
          </cell>
          <cell r="G1430">
            <v>11</v>
          </cell>
        </row>
        <row r="1431">
          <cell r="C1431">
            <v>102240</v>
          </cell>
          <cell r="D1431" t="str">
            <v>隠れた人材価値</v>
          </cell>
          <cell r="E1431">
            <v>2200</v>
          </cell>
          <cell r="F1431" t="str">
            <v>0224-5</v>
          </cell>
          <cell r="G1431">
            <v>11</v>
          </cell>
        </row>
        <row r="1432">
          <cell r="C1432">
            <v>102250</v>
          </cell>
          <cell r="D1432" t="str">
            <v>やさしいOracle PL/SQL入門</v>
          </cell>
          <cell r="E1432">
            <v>2200</v>
          </cell>
          <cell r="F1432" t="str">
            <v>0225-2</v>
          </cell>
          <cell r="G1432">
            <v>11</v>
          </cell>
        </row>
        <row r="1433">
          <cell r="C1433">
            <v>102260</v>
          </cell>
          <cell r="D1433" t="str">
            <v>日本人のためのMBAベストスクールガイド</v>
          </cell>
          <cell r="E1433">
            <v>3600</v>
          </cell>
          <cell r="F1433" t="str">
            <v>0226-9</v>
          </cell>
          <cell r="G1433">
            <v>11</v>
          </cell>
        </row>
        <row r="1434">
          <cell r="C1434">
            <v>102270</v>
          </cell>
          <cell r="D1434" t="str">
            <v>はじめての自作パソコン</v>
          </cell>
          <cell r="E1434">
            <v>1800</v>
          </cell>
          <cell r="F1434" t="str">
            <v>0227-6</v>
          </cell>
          <cell r="G1434">
            <v>11</v>
          </cell>
        </row>
        <row r="1435">
          <cell r="C1435">
            <v>102280</v>
          </cell>
          <cell r="D1435" t="str">
            <v>Ruby Way</v>
          </cell>
          <cell r="E1435">
            <v>4800</v>
          </cell>
          <cell r="F1435" t="str">
            <v>0228-3</v>
          </cell>
          <cell r="G1435">
            <v>11</v>
          </cell>
        </row>
        <row r="1436">
          <cell r="C1436">
            <v>102290</v>
          </cell>
          <cell r="D1436" t="str">
            <v>SIP入門</v>
          </cell>
          <cell r="E1436">
            <v>3400</v>
          </cell>
          <cell r="F1436" t="str">
            <v>0229-0</v>
          </cell>
          <cell r="G1436">
            <v>11</v>
          </cell>
        </row>
        <row r="1437">
          <cell r="C1437">
            <v>102300</v>
          </cell>
          <cell r="D1437" t="str">
            <v>Oracleセキュリティハンドブック</v>
          </cell>
          <cell r="E1437">
            <v>6800</v>
          </cell>
          <cell r="F1437" t="str">
            <v>0230-6</v>
          </cell>
          <cell r="G1437">
            <v>11</v>
          </cell>
        </row>
        <row r="1438">
          <cell r="C1438">
            <v>102310</v>
          </cell>
          <cell r="D1438" t="str">
            <v>Oracle9iDBAハンドブック</v>
          </cell>
          <cell r="E1438">
            <v>7800</v>
          </cell>
          <cell r="F1438" t="str">
            <v>0231-3</v>
          </cell>
          <cell r="G1438">
            <v>11</v>
          </cell>
        </row>
        <row r="1439">
          <cell r="C1439">
            <v>102320</v>
          </cell>
          <cell r="D1439" t="str">
            <v>ホームページ裏辞典</v>
          </cell>
          <cell r="E1439">
            <v>1500</v>
          </cell>
          <cell r="F1439" t="str">
            <v>0232-0</v>
          </cell>
          <cell r="G1439">
            <v>11</v>
          </cell>
        </row>
        <row r="1440">
          <cell r="C1440">
            <v>102330</v>
          </cell>
          <cell r="D1440" t="str">
            <v>Flash MX 400Symbol Template Book</v>
          </cell>
          <cell r="E1440">
            <v>2800</v>
          </cell>
          <cell r="F1440" t="str">
            <v>0233-7</v>
          </cell>
          <cell r="G1440">
            <v>11</v>
          </cell>
        </row>
        <row r="1441">
          <cell r="C1441">
            <v>102340</v>
          </cell>
          <cell r="D1441" t="str">
            <v>オラクルマスター教科書 Silver 改訂第2版</v>
          </cell>
          <cell r="E1441">
            <v>3800</v>
          </cell>
          <cell r="F1441" t="str">
            <v>0234-4</v>
          </cell>
          <cell r="G1441">
            <v>33</v>
          </cell>
        </row>
        <row r="1442">
          <cell r="C1442">
            <v>102350</v>
          </cell>
          <cell r="D1442" t="str">
            <v>WindowsとMacのつなぎ方</v>
          </cell>
          <cell r="E1442">
            <v>2000</v>
          </cell>
          <cell r="F1442" t="str">
            <v>0235-1</v>
          </cell>
          <cell r="G1442">
            <v>34</v>
          </cell>
        </row>
        <row r="1443">
          <cell r="C1443">
            <v>102360</v>
          </cell>
          <cell r="D1443" t="str">
            <v>ネットワーク テクニカルエンジニア 平成14年度</v>
          </cell>
          <cell r="E1443">
            <v>2600</v>
          </cell>
          <cell r="F1443" t="str">
            <v>0236-8</v>
          </cell>
          <cell r="G1443">
            <v>33</v>
          </cell>
        </row>
        <row r="1444">
          <cell r="C1444">
            <v>102370</v>
          </cell>
          <cell r="D1444" t="str">
            <v>あなたのパラシュートは何色?</v>
          </cell>
          <cell r="E1444">
            <v>1600</v>
          </cell>
          <cell r="F1444" t="str">
            <v>0237-5</v>
          </cell>
          <cell r="G1444">
            <v>11</v>
          </cell>
        </row>
        <row r="1445">
          <cell r="C1445">
            <v>102380</v>
          </cell>
          <cell r="D1445" t="str">
            <v>モバイルビジネス白書 2002</v>
          </cell>
          <cell r="E1445">
            <v>6800</v>
          </cell>
          <cell r="F1445" t="str">
            <v>0238-2</v>
          </cell>
          <cell r="G1445">
            <v>33</v>
          </cell>
        </row>
        <row r="1446">
          <cell r="C1446">
            <v>102390</v>
          </cell>
          <cell r="D1446" t="str">
            <v>XMLマスター教科書 ベーシック</v>
          </cell>
          <cell r="E1446">
            <v>3200</v>
          </cell>
          <cell r="F1446" t="str">
            <v>0239-9</v>
          </cell>
          <cell r="G1446">
            <v>33</v>
          </cell>
        </row>
        <row r="1447">
          <cell r="C1447">
            <v>102400</v>
          </cell>
          <cell r="D1447" t="str">
            <v>情報技術のすべてがわかるSE教科書</v>
          </cell>
          <cell r="E1447">
            <v>2380</v>
          </cell>
          <cell r="F1447" t="str">
            <v>0240-5</v>
          </cell>
          <cell r="G1447">
            <v>33</v>
          </cell>
        </row>
        <row r="1448">
          <cell r="C1448">
            <v>102410</v>
          </cell>
          <cell r="D1448" t="str">
            <v>独習SQL</v>
          </cell>
          <cell r="E1448">
            <v>2800</v>
          </cell>
          <cell r="F1448" t="str">
            <v>0241-2</v>
          </cell>
          <cell r="G1448">
            <v>11</v>
          </cell>
        </row>
        <row r="1449">
          <cell r="C1449">
            <v>102420</v>
          </cell>
          <cell r="D1449" t="str">
            <v>HTMLタグ辞典 第5版</v>
          </cell>
          <cell r="E1449">
            <v>1500</v>
          </cell>
          <cell r="F1449" t="str">
            <v>0242-9</v>
          </cell>
          <cell r="G1449">
            <v>11</v>
          </cell>
        </row>
        <row r="1450">
          <cell r="C1450">
            <v>102430</v>
          </cell>
          <cell r="D1450" t="str">
            <v>WindowsXP対応 自作PCのオキテ100</v>
          </cell>
          <cell r="E1450">
            <v>1600</v>
          </cell>
          <cell r="F1450" t="str">
            <v>0243-6</v>
          </cell>
          <cell r="G1450">
            <v>11</v>
          </cell>
        </row>
        <row r="1451">
          <cell r="C1451">
            <v>102440</v>
          </cell>
          <cell r="D1451" t="str">
            <v>.com Master教科書 要点整理クイックスタディ .com Master★★2002</v>
          </cell>
          <cell r="E1451">
            <v>1980</v>
          </cell>
          <cell r="F1451" t="str">
            <v>0244-3</v>
          </cell>
          <cell r="G1451">
            <v>33</v>
          </cell>
        </row>
        <row r="1452">
          <cell r="C1452">
            <v>102470</v>
          </cell>
          <cell r="D1452" t="str">
            <v>MCSE教科書 WindowsXP Professional</v>
          </cell>
          <cell r="E1452">
            <v>3800</v>
          </cell>
          <cell r="F1452" t="str">
            <v>0247-4</v>
          </cell>
          <cell r="G1452">
            <v>11</v>
          </cell>
        </row>
        <row r="1453">
          <cell r="C1453">
            <v>102480</v>
          </cell>
          <cell r="D1453" t="str">
            <v>WindowsXP実装運用ガイド</v>
          </cell>
          <cell r="E1453">
            <v>1714</v>
          </cell>
          <cell r="F1453" t="str">
            <v>0248-1</v>
          </cell>
          <cell r="G1453">
            <v>33</v>
          </cell>
        </row>
        <row r="1454">
          <cell r="C1454">
            <v>102490</v>
          </cell>
          <cell r="D1454" t="str">
            <v>Webシステムのデザインパターン</v>
          </cell>
          <cell r="E1454">
            <v>2800</v>
          </cell>
          <cell r="F1454" t="str">
            <v>0249-8</v>
          </cell>
          <cell r="G1454">
            <v>11</v>
          </cell>
        </row>
        <row r="1455">
          <cell r="C1455">
            <v>102500</v>
          </cell>
          <cell r="D1455" t="str">
            <v>基本情報技術者 平成14年度秋期</v>
          </cell>
          <cell r="E1455">
            <v>1900</v>
          </cell>
          <cell r="F1455" t="str">
            <v>0250-4</v>
          </cell>
          <cell r="G1455">
            <v>33</v>
          </cell>
        </row>
        <row r="1456">
          <cell r="C1456">
            <v>102510</v>
          </cell>
          <cell r="D1456" t="str">
            <v>初級システムアドミニストレータ 平成14年度秋期</v>
          </cell>
          <cell r="E1456">
            <v>1900</v>
          </cell>
          <cell r="F1456" t="str">
            <v>0251-1</v>
          </cell>
          <cell r="G1456">
            <v>33</v>
          </cell>
        </row>
        <row r="1457">
          <cell r="C1457">
            <v>102520</v>
          </cell>
          <cell r="D1457" t="str">
            <v>FLASH ActionScript辞典</v>
          </cell>
          <cell r="E1457">
            <v>2500</v>
          </cell>
          <cell r="F1457" t="str">
            <v>0252-8</v>
          </cell>
          <cell r="G1457">
            <v>33</v>
          </cell>
        </row>
        <row r="1458">
          <cell r="C1458">
            <v>102530</v>
          </cell>
          <cell r="D1458" t="str">
            <v>FLASH SERVER-SIDE SCRIPT SAMPLES</v>
          </cell>
          <cell r="E1458">
            <v>3200</v>
          </cell>
          <cell r="F1458" t="str">
            <v>0253-5</v>
          </cell>
          <cell r="G1458">
            <v>33</v>
          </cell>
        </row>
        <row r="1459">
          <cell r="C1459">
            <v>102550</v>
          </cell>
          <cell r="D1459" t="str">
            <v>WindowsXP OSインストール完全ガイド</v>
          </cell>
          <cell r="E1459">
            <v>1800</v>
          </cell>
          <cell r="F1459" t="str">
            <v>0255-9</v>
          </cell>
          <cell r="G1459">
            <v>11</v>
          </cell>
        </row>
        <row r="1460">
          <cell r="C1460">
            <v>102560</v>
          </cell>
          <cell r="D1460" t="str">
            <v>ブロードバンド+無線LANユーザのためのナンデモ相談室</v>
          </cell>
          <cell r="E1460">
            <v>1700</v>
          </cell>
          <cell r="F1460" t="str">
            <v>0256-6</v>
          </cell>
          <cell r="G1460">
            <v>11</v>
          </cell>
        </row>
        <row r="1461">
          <cell r="C1461">
            <v>102570</v>
          </cell>
          <cell r="D1461" t="str">
            <v>After Effects Professional Studio</v>
          </cell>
          <cell r="E1461">
            <v>4500</v>
          </cell>
          <cell r="F1461" t="str">
            <v>0257-3</v>
          </cell>
          <cell r="G1461">
            <v>11</v>
          </cell>
        </row>
        <row r="1462">
          <cell r="C1462">
            <v>102580</v>
          </cell>
          <cell r="D1462" t="str">
            <v>システム開発の現場から考える帳票開発</v>
          </cell>
          <cell r="E1462">
            <v>2800</v>
          </cell>
          <cell r="F1462" t="str">
            <v>0258-0</v>
          </cell>
          <cell r="G1462">
            <v>11</v>
          </cell>
        </row>
        <row r="1463">
          <cell r="C1463">
            <v>102590</v>
          </cell>
          <cell r="D1463" t="str">
            <v>53のキーワードから学ぶ 最新ネットワークセキュリティ</v>
          </cell>
          <cell r="E1463">
            <v>2280</v>
          </cell>
          <cell r="F1463" t="str">
            <v>0259-7</v>
          </cell>
          <cell r="G1463">
            <v>11</v>
          </cell>
        </row>
        <row r="1464">
          <cell r="C1464">
            <v>102600</v>
          </cell>
          <cell r="D1464" t="str">
            <v>10日でおぼえる PHP入門教室</v>
          </cell>
          <cell r="E1464">
            <v>2800</v>
          </cell>
          <cell r="F1464" t="str">
            <v>0260-3</v>
          </cell>
          <cell r="G1464">
            <v>33</v>
          </cell>
        </row>
        <row r="1465">
          <cell r="C1465">
            <v>102610</v>
          </cell>
          <cell r="D1465" t="str">
            <v>静かなリーダーシップ</v>
          </cell>
          <cell r="E1465">
            <v>2200</v>
          </cell>
          <cell r="F1465" t="str">
            <v>0261-0</v>
          </cell>
          <cell r="G1465">
            <v>11</v>
          </cell>
        </row>
        <row r="1466">
          <cell r="C1466">
            <v>102620</v>
          </cell>
          <cell r="D1466" t="str">
            <v>プレゼンの鬼</v>
          </cell>
          <cell r="E1466">
            <v>1600</v>
          </cell>
          <cell r="F1466" t="str">
            <v>0262-7</v>
          </cell>
          <cell r="G1466">
            <v>11</v>
          </cell>
        </row>
        <row r="1467">
          <cell r="C1467">
            <v>102630</v>
          </cell>
          <cell r="D1467" t="str">
            <v>アジャイルモデリング</v>
          </cell>
          <cell r="E1467">
            <v>3800</v>
          </cell>
          <cell r="F1467" t="str">
            <v>0263-4</v>
          </cell>
          <cell r="G1467">
            <v>11</v>
          </cell>
        </row>
        <row r="1468">
          <cell r="C1468">
            <v>102640</v>
          </cell>
          <cell r="D1468" t="str">
            <v>テクニカルエンジニア(データベース)試験合格講座</v>
          </cell>
          <cell r="E1468">
            <v>2600</v>
          </cell>
          <cell r="F1468" t="str">
            <v>0264-1</v>
          </cell>
          <cell r="G1468">
            <v>33</v>
          </cell>
        </row>
        <row r="1469">
          <cell r="C1469">
            <v>102650</v>
          </cell>
          <cell r="D1469" t="str">
            <v>Access2002 完全制覇パーフェクト</v>
          </cell>
          <cell r="E1469">
            <v>3280</v>
          </cell>
          <cell r="F1469" t="str">
            <v>0265-8</v>
          </cell>
          <cell r="G1469">
            <v>11</v>
          </cell>
        </row>
        <row r="1470">
          <cell r="C1470">
            <v>102660</v>
          </cell>
          <cell r="D1470" t="str">
            <v>10日でおぼえる VisualC#.NET入門教室</v>
          </cell>
          <cell r="E1470">
            <v>2800</v>
          </cell>
          <cell r="F1470" t="str">
            <v>0266-5</v>
          </cell>
          <cell r="G1470">
            <v>33</v>
          </cell>
        </row>
        <row r="1471">
          <cell r="C1471">
            <v>102670</v>
          </cell>
          <cell r="D1471" t="str">
            <v>オラクルマスター教科書 Gold DBA1</v>
          </cell>
          <cell r="E1471">
            <v>3800</v>
          </cell>
          <cell r="F1471" t="str">
            <v>0267-2</v>
          </cell>
          <cell r="G1471">
            <v>33</v>
          </cell>
        </row>
        <row r="1472">
          <cell r="C1472">
            <v>102680</v>
          </cell>
          <cell r="D1472" t="str">
            <v>オラクルマスター教科書 Gold PL/SQL Oracle9i 対応 改訂版</v>
          </cell>
          <cell r="E1472">
            <v>3800</v>
          </cell>
          <cell r="F1472" t="str">
            <v>0268-9</v>
          </cell>
          <cell r="G1472">
            <v>33</v>
          </cell>
        </row>
        <row r="1473">
          <cell r="C1473">
            <v>102690</v>
          </cell>
          <cell r="D1473" t="str">
            <v>Webサービス実践プログラミング</v>
          </cell>
          <cell r="E1473">
            <v>3400</v>
          </cell>
          <cell r="F1473" t="str">
            <v>0269-6</v>
          </cell>
          <cell r="G1473">
            <v>11</v>
          </cell>
        </row>
        <row r="1474">
          <cell r="C1474">
            <v>102700</v>
          </cell>
          <cell r="D1474" t="str">
            <v>トップに売り込む最強交渉術</v>
          </cell>
          <cell r="E1474">
            <v>1600</v>
          </cell>
          <cell r="F1474" t="str">
            <v>0270-2</v>
          </cell>
          <cell r="G1474">
            <v>11</v>
          </cell>
        </row>
        <row r="1475">
          <cell r="C1475">
            <v>102710</v>
          </cell>
          <cell r="D1475" t="str">
            <v>スタイルシート辞典 第3版</v>
          </cell>
          <cell r="E1475">
            <v>1800</v>
          </cell>
          <cell r="F1475" t="str">
            <v>0271-9</v>
          </cell>
          <cell r="G1475">
            <v>11</v>
          </cell>
        </row>
        <row r="1476">
          <cell r="C1476">
            <v>102720</v>
          </cell>
          <cell r="D1476" t="str">
            <v>JavaScript辞典 第2版</v>
          </cell>
          <cell r="E1476">
            <v>1800</v>
          </cell>
          <cell r="F1476" t="str">
            <v>0272-6</v>
          </cell>
          <cell r="G1476">
            <v>11</v>
          </cell>
        </row>
        <row r="1477">
          <cell r="C1477">
            <v>102730</v>
          </cell>
          <cell r="D1477" t="str">
            <v>ホームページ辞典 第3版</v>
          </cell>
          <cell r="E1477">
            <v>2000</v>
          </cell>
          <cell r="F1477" t="str">
            <v>0273-3</v>
          </cell>
          <cell r="G1477">
            <v>11</v>
          </cell>
        </row>
        <row r="1478">
          <cell r="C1478">
            <v>102740</v>
          </cell>
          <cell r="D1478" t="str">
            <v>ネットワークゲームデザイナーズメソッド</v>
          </cell>
          <cell r="E1478">
            <v>1800</v>
          </cell>
          <cell r="F1478" t="str">
            <v>0274-0</v>
          </cell>
          <cell r="G1478">
            <v>11</v>
          </cell>
        </row>
        <row r="1479">
          <cell r="C1479">
            <v>102760</v>
          </cell>
          <cell r="D1479" t="str">
            <v>コトラー新マーケティング原論</v>
          </cell>
          <cell r="E1479">
            <v>2500</v>
          </cell>
          <cell r="F1479" t="str">
            <v>0276-4</v>
          </cell>
          <cell r="G1479">
            <v>11</v>
          </cell>
        </row>
        <row r="1480">
          <cell r="C1480">
            <v>102780</v>
          </cell>
          <cell r="D1480" t="str">
            <v>独習Java 第2版</v>
          </cell>
          <cell r="E1480">
            <v>3600</v>
          </cell>
          <cell r="F1480" t="str">
            <v>0278-8</v>
          </cell>
          <cell r="G1480">
            <v>33</v>
          </cell>
        </row>
        <row r="1481">
          <cell r="C1481">
            <v>102790</v>
          </cell>
          <cell r="D1481" t="str">
            <v>アンドキュメンテッドMicrosoftネットワーク</v>
          </cell>
          <cell r="E1481">
            <v>3000</v>
          </cell>
          <cell r="F1481" t="str">
            <v>0279-5</v>
          </cell>
          <cell r="G1481">
            <v>11</v>
          </cell>
        </row>
        <row r="1482">
          <cell r="C1482">
            <v>102800</v>
          </cell>
          <cell r="D1482" t="str">
            <v>SQLAnywhere Studio8 公式デベロッパーズガイド</v>
          </cell>
          <cell r="E1482">
            <v>3800</v>
          </cell>
          <cell r="F1482" t="str">
            <v>0280-1</v>
          </cell>
          <cell r="G1482">
            <v>33</v>
          </cell>
        </row>
        <row r="1483">
          <cell r="C1483">
            <v>102810</v>
          </cell>
          <cell r="D1483" t="str">
            <v>クラッキング防衛大全 第3版</v>
          </cell>
          <cell r="E1483">
            <v>4200</v>
          </cell>
          <cell r="F1483" t="str">
            <v>0281-8</v>
          </cell>
          <cell r="G1483">
            <v>11</v>
          </cell>
        </row>
        <row r="1484">
          <cell r="C1484">
            <v>102820</v>
          </cell>
          <cell r="D1484" t="str">
            <v>P2Pコンピューティング入門</v>
          </cell>
          <cell r="E1484">
            <v>3800</v>
          </cell>
          <cell r="F1484" t="str">
            <v>0282-5</v>
          </cell>
          <cell r="G1484">
            <v>11</v>
          </cell>
        </row>
        <row r="1485">
          <cell r="C1485">
            <v>102830</v>
          </cell>
          <cell r="D1485" t="str">
            <v>リトル☆ハッカー</v>
          </cell>
          <cell r="E1485">
            <v>2000</v>
          </cell>
          <cell r="F1485" t="str">
            <v>0283-2</v>
          </cell>
          <cell r="G1485">
            <v>11</v>
          </cell>
        </row>
        <row r="1486">
          <cell r="C1486">
            <v>102840</v>
          </cell>
          <cell r="D1486" t="str">
            <v>Access2002 関数辞典</v>
          </cell>
          <cell r="E1486">
            <v>1900</v>
          </cell>
          <cell r="F1486" t="str">
            <v>0284-9</v>
          </cell>
          <cell r="G1486">
            <v>11</v>
          </cell>
        </row>
        <row r="1487">
          <cell r="C1487">
            <v>102860</v>
          </cell>
          <cell r="D1487" t="str">
            <v>Debian GNU/Linux徹底入門 第3版 Sarge対応</v>
          </cell>
          <cell r="E1487">
            <v>4980</v>
          </cell>
          <cell r="F1487" t="str">
            <v>0286-3</v>
          </cell>
          <cell r="G1487">
            <v>11</v>
          </cell>
        </row>
        <row r="1488">
          <cell r="C1488">
            <v>102870</v>
          </cell>
          <cell r="D1488" t="str">
            <v>Excel ユーザーのためのAccess再入門</v>
          </cell>
          <cell r="E1488">
            <v>2600</v>
          </cell>
          <cell r="F1488" t="str">
            <v>0287-0</v>
          </cell>
          <cell r="G1488">
            <v>11</v>
          </cell>
        </row>
        <row r="1489">
          <cell r="C1489">
            <v>102880</v>
          </cell>
          <cell r="D1489" t="str">
            <v>Word2002 完全制覇パーフェクト</v>
          </cell>
          <cell r="E1489">
            <v>2680</v>
          </cell>
          <cell r="F1489" t="str">
            <v>0288-7</v>
          </cell>
          <cell r="G1489">
            <v>11</v>
          </cell>
        </row>
        <row r="1490">
          <cell r="C1490">
            <v>102890</v>
          </cell>
          <cell r="D1490" t="str">
            <v>Photoshop 400 Style Template Book</v>
          </cell>
          <cell r="E1490">
            <v>2800</v>
          </cell>
          <cell r="F1490" t="str">
            <v>0289-4</v>
          </cell>
          <cell r="G1490">
            <v>11</v>
          </cell>
        </row>
        <row r="1491">
          <cell r="C1491">
            <v>102900</v>
          </cell>
          <cell r="D1491" t="str">
            <v>ホームページアクセスアップの鉄則</v>
          </cell>
          <cell r="E1491">
            <v>1500</v>
          </cell>
          <cell r="F1491" t="str">
            <v>0290-0</v>
          </cell>
          <cell r="G1491">
            <v>11</v>
          </cell>
        </row>
        <row r="1492">
          <cell r="C1492">
            <v>102910</v>
          </cell>
          <cell r="D1492" t="str">
            <v>WindowsXP 完全制覇パーフェクト</v>
          </cell>
          <cell r="E1492">
            <v>2580</v>
          </cell>
          <cell r="F1492" t="str">
            <v>0291-7</v>
          </cell>
          <cell r="G1492">
            <v>11</v>
          </cell>
        </row>
        <row r="1493">
          <cell r="C1493">
            <v>102920</v>
          </cell>
          <cell r="D1493" t="str">
            <v>Linux教科書 LPICレベル1</v>
          </cell>
          <cell r="E1493">
            <v>3800</v>
          </cell>
          <cell r="F1493" t="str">
            <v>0292-4</v>
          </cell>
          <cell r="G1493">
            <v>33</v>
          </cell>
        </row>
        <row r="1494">
          <cell r="C1494">
            <v>102930</v>
          </cell>
          <cell r="D1494" t="str">
            <v>ゼロからはじめるUMLモデリング入門</v>
          </cell>
          <cell r="E1494">
            <v>2800</v>
          </cell>
          <cell r="F1494" t="str">
            <v>0293-1</v>
          </cell>
          <cell r="G1494">
            <v>11</v>
          </cell>
        </row>
        <row r="1495">
          <cell r="C1495">
            <v>102940</v>
          </cell>
          <cell r="D1495" t="str">
            <v>Javaの絵本</v>
          </cell>
          <cell r="E1495">
            <v>1580</v>
          </cell>
          <cell r="F1495" t="str">
            <v>0294-8</v>
          </cell>
          <cell r="G1495">
            <v>33</v>
          </cell>
        </row>
        <row r="1496">
          <cell r="C1496">
            <v>102950</v>
          </cell>
          <cell r="D1496" t="str">
            <v>インシデントレスポンス</v>
          </cell>
          <cell r="E1496">
            <v>5200</v>
          </cell>
          <cell r="F1496" t="str">
            <v>0295-5</v>
          </cell>
          <cell r="G1496">
            <v>11</v>
          </cell>
        </row>
        <row r="1497">
          <cell r="C1497">
            <v>102960</v>
          </cell>
          <cell r="D1497" t="str">
            <v>独習C 第3版</v>
          </cell>
          <cell r="E1497">
            <v>3200</v>
          </cell>
          <cell r="F1497" t="str">
            <v>0296-2</v>
          </cell>
          <cell r="G1497">
            <v>11</v>
          </cell>
        </row>
        <row r="1498">
          <cell r="C1498">
            <v>102970</v>
          </cell>
          <cell r="D1498" t="str">
            <v>IBM教科書 DB2エンジニアv7</v>
          </cell>
          <cell r="E1498">
            <v>3800</v>
          </cell>
          <cell r="F1498" t="str">
            <v>0297-9</v>
          </cell>
          <cell r="G1498">
            <v>11</v>
          </cell>
        </row>
        <row r="1499">
          <cell r="C1499">
            <v>102980</v>
          </cell>
          <cell r="D1499" t="str">
            <v>MOUS教科書 Access2002 一般試験</v>
          </cell>
          <cell r="E1499">
            <v>2800</v>
          </cell>
          <cell r="F1499" t="str">
            <v>0298-6</v>
          </cell>
          <cell r="G1499">
            <v>11</v>
          </cell>
        </row>
        <row r="1500">
          <cell r="C1500">
            <v>102990</v>
          </cell>
          <cell r="D1500" t="str">
            <v>MOUS教科書 PowerPoint2002 総合試験</v>
          </cell>
          <cell r="E1500">
            <v>2800</v>
          </cell>
          <cell r="F1500" t="str">
            <v>0299-3</v>
          </cell>
          <cell r="G1500">
            <v>33</v>
          </cell>
        </row>
        <row r="1501">
          <cell r="C1501">
            <v>103000</v>
          </cell>
          <cell r="D1501" t="str">
            <v>初級システムアドミニストレータ 重要語490出題例891</v>
          </cell>
          <cell r="E1501">
            <v>1380</v>
          </cell>
          <cell r="F1501" t="str">
            <v>0300-6</v>
          </cell>
          <cell r="G1501">
            <v>11</v>
          </cell>
        </row>
        <row r="1502">
          <cell r="C1502">
            <v>103010</v>
          </cell>
          <cell r="D1502" t="str">
            <v>基本情報技術者 重要語538出題例796</v>
          </cell>
          <cell r="E1502">
            <v>1380</v>
          </cell>
          <cell r="F1502" t="str">
            <v>0301-3</v>
          </cell>
          <cell r="G1502">
            <v>11</v>
          </cell>
        </row>
        <row r="1503">
          <cell r="C1503">
            <v>103030</v>
          </cell>
          <cell r="D1503" t="str">
            <v>PMP教科書 Project Management Professional</v>
          </cell>
          <cell r="E1503">
            <v>4800</v>
          </cell>
          <cell r="F1503" t="str">
            <v>0303-7</v>
          </cell>
          <cell r="G1503">
            <v>33</v>
          </cell>
        </row>
        <row r="1504">
          <cell r="C1504">
            <v>103040</v>
          </cell>
          <cell r="D1504" t="str">
            <v>おら!オラ!オラクル</v>
          </cell>
          <cell r="E1504">
            <v>1980</v>
          </cell>
          <cell r="F1504" t="str">
            <v>0304-4</v>
          </cell>
          <cell r="G1504">
            <v>33</v>
          </cell>
        </row>
        <row r="1505">
          <cell r="C1505">
            <v>103050</v>
          </cell>
          <cell r="D1505" t="str">
            <v>Cisco技術者認定教科書 CCNA第3版640-801J</v>
          </cell>
          <cell r="E1505">
            <v>3980</v>
          </cell>
          <cell r="F1505" t="str">
            <v>0305-1</v>
          </cell>
          <cell r="G1505">
            <v>11</v>
          </cell>
        </row>
        <row r="1506">
          <cell r="C1506">
            <v>103060</v>
          </cell>
          <cell r="D1506" t="str">
            <v>データベース(テクニカルエンジニア) 平成15年度</v>
          </cell>
          <cell r="E1506">
            <v>2800</v>
          </cell>
          <cell r="F1506" t="str">
            <v>0306-8</v>
          </cell>
          <cell r="G1506">
            <v>33</v>
          </cell>
        </row>
        <row r="1507">
          <cell r="C1507">
            <v>103070</v>
          </cell>
          <cell r="D1507" t="str">
            <v>SUN教科書 Java2 改訂版</v>
          </cell>
          <cell r="E1507">
            <v>3800</v>
          </cell>
          <cell r="F1507" t="str">
            <v>0307-5</v>
          </cell>
          <cell r="G1507">
            <v>11</v>
          </cell>
        </row>
        <row r="1508">
          <cell r="C1508">
            <v>103080</v>
          </cell>
          <cell r="D1508" t="str">
            <v>デジタル署名 RSA Press</v>
          </cell>
          <cell r="E1508">
            <v>4500</v>
          </cell>
          <cell r="F1508" t="str">
            <v>0308-2</v>
          </cell>
          <cell r="G1508">
            <v>11</v>
          </cell>
        </row>
        <row r="1509">
          <cell r="C1509">
            <v>103090</v>
          </cell>
          <cell r="D1509" t="str">
            <v>Oracle9iビギナーズガイド</v>
          </cell>
          <cell r="E1509">
            <v>4500</v>
          </cell>
          <cell r="F1509" t="str">
            <v>0309-9</v>
          </cell>
          <cell r="G1509">
            <v>11</v>
          </cell>
        </row>
        <row r="1510">
          <cell r="C1510">
            <v>103110</v>
          </cell>
          <cell r="D1510" t="str">
            <v>OracleハイパフォーマンスチューニングSQL編</v>
          </cell>
          <cell r="E1510">
            <v>5800</v>
          </cell>
          <cell r="F1510" t="str">
            <v>0311-2</v>
          </cell>
          <cell r="G1510">
            <v>11</v>
          </cell>
        </row>
        <row r="1511">
          <cell r="C1511">
            <v>103120</v>
          </cell>
          <cell r="D1511" t="str">
            <v>覚える技術</v>
          </cell>
          <cell r="E1511">
            <v>1500</v>
          </cell>
          <cell r="F1511" t="str">
            <v>0312-9</v>
          </cell>
          <cell r="G1511">
            <v>11</v>
          </cell>
        </row>
        <row r="1512">
          <cell r="C1512">
            <v>103130</v>
          </cell>
          <cell r="D1512" t="str">
            <v>イヤなら態度で示そうよ</v>
          </cell>
          <cell r="E1512">
            <v>1400</v>
          </cell>
          <cell r="F1512" t="str">
            <v>0313-6</v>
          </cell>
          <cell r="G1512">
            <v>11</v>
          </cell>
        </row>
        <row r="1513">
          <cell r="C1513">
            <v>103140</v>
          </cell>
          <cell r="D1513" t="str">
            <v>MCSE教科書 Windows2000 Network Environment</v>
          </cell>
          <cell r="E1513">
            <v>3800</v>
          </cell>
          <cell r="F1513" t="str">
            <v>0314-3</v>
          </cell>
          <cell r="G1513">
            <v>11</v>
          </cell>
        </row>
        <row r="1514">
          <cell r="C1514">
            <v>103150</v>
          </cell>
          <cell r="D1514" t="str">
            <v>SEの現場</v>
          </cell>
          <cell r="E1514">
            <v>848</v>
          </cell>
          <cell r="F1514" t="str">
            <v>0315-0</v>
          </cell>
          <cell r="G1514">
            <v>33</v>
          </cell>
        </row>
        <row r="1515">
          <cell r="C1515">
            <v>103170</v>
          </cell>
          <cell r="D1515" t="str">
            <v>クラッキング防衛大全 Linux編</v>
          </cell>
          <cell r="E1515">
            <v>4500</v>
          </cell>
          <cell r="F1515" t="str">
            <v>0317-4</v>
          </cell>
          <cell r="G1515">
            <v>11</v>
          </cell>
        </row>
        <row r="1516">
          <cell r="C1516">
            <v>103180</v>
          </cell>
          <cell r="D1516" t="str">
            <v>独習C++ 第3版</v>
          </cell>
          <cell r="E1516">
            <v>3200</v>
          </cell>
          <cell r="F1516" t="str">
            <v>0318-1</v>
          </cell>
          <cell r="G1516">
            <v>11</v>
          </cell>
        </row>
        <row r="1517">
          <cell r="C1517">
            <v>103190</v>
          </cell>
          <cell r="D1517" t="str">
            <v>独習VisualBasic.NET</v>
          </cell>
          <cell r="E1517">
            <v>3600</v>
          </cell>
          <cell r="F1517" t="str">
            <v>0319-8</v>
          </cell>
          <cell r="G1517">
            <v>11</v>
          </cell>
        </row>
        <row r="1518">
          <cell r="C1518">
            <v>103200</v>
          </cell>
          <cell r="D1518" t="str">
            <v>企業ユーザーのためのVisio2002評価導入ガイド</v>
          </cell>
          <cell r="E1518">
            <v>1800</v>
          </cell>
          <cell r="F1518" t="str">
            <v>0320-4</v>
          </cell>
          <cell r="G1518">
            <v>33</v>
          </cell>
        </row>
        <row r="1519">
          <cell r="C1519">
            <v>103210</v>
          </cell>
          <cell r="D1519" t="str">
            <v>.com Master教科書 .com Master★★2002</v>
          </cell>
          <cell r="E1519">
            <v>3800</v>
          </cell>
          <cell r="F1519" t="str">
            <v>0321-1</v>
          </cell>
          <cell r="G1519">
            <v>33</v>
          </cell>
        </row>
        <row r="1520">
          <cell r="C1520">
            <v>103220</v>
          </cell>
          <cell r="D1520" t="str">
            <v>.com Master教科書 要点整理クイックスタディ .com Master★2002</v>
          </cell>
          <cell r="E1520">
            <v>1980</v>
          </cell>
          <cell r="F1520" t="str">
            <v>0322-8</v>
          </cell>
          <cell r="G1520">
            <v>33</v>
          </cell>
        </row>
        <row r="1521">
          <cell r="C1521">
            <v>103230</v>
          </cell>
          <cell r="D1521" t="str">
            <v>ウォルマートに学ぶデータウェアハウジング</v>
          </cell>
          <cell r="E1521">
            <v>2500</v>
          </cell>
          <cell r="F1521" t="str">
            <v>0323-5</v>
          </cell>
          <cell r="G1521">
            <v>11</v>
          </cell>
        </row>
        <row r="1522">
          <cell r="C1522">
            <v>103250</v>
          </cell>
          <cell r="D1522" t="str">
            <v>例解JSPベストプラクティクス</v>
          </cell>
          <cell r="E1522">
            <v>3500</v>
          </cell>
          <cell r="F1522" t="str">
            <v>0325-9</v>
          </cell>
          <cell r="G1522">
            <v>11</v>
          </cell>
        </row>
        <row r="1523">
          <cell r="C1523">
            <v>103260</v>
          </cell>
          <cell r="D1523" t="str">
            <v>ソフトウェア開発技術者 平成15年度</v>
          </cell>
          <cell r="E1523">
            <v>2800</v>
          </cell>
          <cell r="F1523" t="str">
            <v>0326-6</v>
          </cell>
          <cell r="G1523">
            <v>33</v>
          </cell>
        </row>
        <row r="1524">
          <cell r="C1524">
            <v>103270</v>
          </cell>
          <cell r="D1524" t="str">
            <v>オラクルマスター教科書 Platinum DBA2</v>
          </cell>
          <cell r="E1524">
            <v>4500</v>
          </cell>
          <cell r="F1524" t="str">
            <v>0327-3</v>
          </cell>
          <cell r="G1524">
            <v>33</v>
          </cell>
        </row>
        <row r="1525">
          <cell r="C1525">
            <v>103280</v>
          </cell>
          <cell r="D1525" t="str">
            <v>セキュリティ管理ってそういうことだったのか!</v>
          </cell>
          <cell r="E1525">
            <v>1600</v>
          </cell>
          <cell r="F1525" t="str">
            <v>0328-0</v>
          </cell>
          <cell r="G1525">
            <v>11</v>
          </cell>
        </row>
        <row r="1526">
          <cell r="C1526">
            <v>103290</v>
          </cell>
          <cell r="D1526" t="str">
            <v>Oracle9iハイパフォーマンスチューニングSTATPACK編</v>
          </cell>
          <cell r="E1526">
            <v>7800</v>
          </cell>
          <cell r="F1526" t="str">
            <v>0329-7</v>
          </cell>
          <cell r="G1526">
            <v>33</v>
          </cell>
        </row>
        <row r="1527">
          <cell r="C1527">
            <v>103310</v>
          </cell>
          <cell r="D1527" t="str">
            <v>キャリア・コンサルティング</v>
          </cell>
          <cell r="E1527">
            <v>1500</v>
          </cell>
          <cell r="F1527" t="str">
            <v>0331-0</v>
          </cell>
          <cell r="G1527">
            <v>11</v>
          </cell>
        </row>
        <row r="1528">
          <cell r="C1528">
            <v>103320</v>
          </cell>
          <cell r="D1528" t="str">
            <v>アピールする!英文履歴書</v>
          </cell>
          <cell r="E1528">
            <v>2200</v>
          </cell>
          <cell r="F1528" t="str">
            <v>0332-7</v>
          </cell>
          <cell r="G1528">
            <v>11</v>
          </cell>
        </row>
        <row r="1529">
          <cell r="C1529">
            <v>103330</v>
          </cell>
          <cell r="D1529" t="str">
            <v>受かる!英語面接</v>
          </cell>
          <cell r="E1529">
            <v>2400</v>
          </cell>
          <cell r="F1529" t="str">
            <v>0333-4</v>
          </cell>
          <cell r="G1529">
            <v>11</v>
          </cell>
        </row>
        <row r="1530">
          <cell r="C1530">
            <v>103340</v>
          </cell>
          <cell r="D1530" t="str">
            <v>SQL Server2000でいってみよう</v>
          </cell>
          <cell r="E1530">
            <v>2400</v>
          </cell>
          <cell r="F1530" t="str">
            <v>0334-1</v>
          </cell>
          <cell r="G1530">
            <v>11</v>
          </cell>
        </row>
        <row r="1531">
          <cell r="C1531">
            <v>103350</v>
          </cell>
          <cell r="D1531" t="str">
            <v>Oracle9i PL/SQLスクリプトライブラリ</v>
          </cell>
          <cell r="E1531">
            <v>7800</v>
          </cell>
          <cell r="F1531" t="str">
            <v>0335-8</v>
          </cell>
          <cell r="G1531">
            <v>11</v>
          </cell>
        </row>
        <row r="1532">
          <cell r="C1532">
            <v>103360</v>
          </cell>
          <cell r="D1532" t="str">
            <v>FireworksMX</v>
          </cell>
          <cell r="E1532">
            <v>2400</v>
          </cell>
          <cell r="F1532" t="str">
            <v>0336-5</v>
          </cell>
          <cell r="G1532">
            <v>33</v>
          </cell>
        </row>
        <row r="1533">
          <cell r="C1533">
            <v>103370</v>
          </cell>
          <cell r="D1533" t="str">
            <v>Flash MX</v>
          </cell>
          <cell r="E1533">
            <v>2700</v>
          </cell>
          <cell r="F1533" t="str">
            <v>0337-2</v>
          </cell>
          <cell r="G1533">
            <v>33</v>
          </cell>
        </row>
        <row r="1534">
          <cell r="C1534">
            <v>103380</v>
          </cell>
          <cell r="D1534" t="str">
            <v>基礎編</v>
          </cell>
          <cell r="E1534">
            <v>2200</v>
          </cell>
          <cell r="F1534" t="str">
            <v>0338-9</v>
          </cell>
          <cell r="G1534">
            <v>33</v>
          </cell>
        </row>
        <row r="1535">
          <cell r="C1535">
            <v>103390</v>
          </cell>
          <cell r="D1535" t="str">
            <v>DreamweaverMX</v>
          </cell>
          <cell r="E1535">
            <v>2800</v>
          </cell>
          <cell r="F1535" t="str">
            <v>0339-6</v>
          </cell>
          <cell r="G1535">
            <v>33</v>
          </cell>
        </row>
        <row r="1536">
          <cell r="C1536">
            <v>103420</v>
          </cell>
          <cell r="D1536" t="str">
            <v>MCA教科書 OS・ネットワーク</v>
          </cell>
          <cell r="E1536">
            <v>3200</v>
          </cell>
          <cell r="F1536" t="str">
            <v>0342-6</v>
          </cell>
          <cell r="G1536">
            <v>11</v>
          </cell>
        </row>
        <row r="1537">
          <cell r="C1537">
            <v>103430</v>
          </cell>
          <cell r="D1537" t="str">
            <v>コミュニティ・オブ・プラクティス</v>
          </cell>
          <cell r="E1537">
            <v>2800</v>
          </cell>
          <cell r="F1537" t="str">
            <v>0343-3</v>
          </cell>
          <cell r="G1537">
            <v>11</v>
          </cell>
        </row>
        <row r="1538">
          <cell r="C1538">
            <v>103440</v>
          </cell>
          <cell r="D1538" t="str">
            <v>10日でおぼえる VisualBasic.NET入門教室</v>
          </cell>
          <cell r="E1538">
            <v>2800</v>
          </cell>
          <cell r="F1538" t="str">
            <v>0344-0</v>
          </cell>
          <cell r="G1538">
            <v>11</v>
          </cell>
        </row>
        <row r="1539">
          <cell r="C1539">
            <v>103450</v>
          </cell>
          <cell r="D1539" t="str">
            <v>Oracle使いへの王道</v>
          </cell>
          <cell r="E1539">
            <v>2800</v>
          </cell>
          <cell r="F1539" t="str">
            <v>0345-7</v>
          </cell>
          <cell r="G1539">
            <v>11</v>
          </cell>
        </row>
        <row r="1540">
          <cell r="C1540">
            <v>103460</v>
          </cell>
          <cell r="D1540" t="str">
            <v>検索にガンガンヒットするホームページの作り方</v>
          </cell>
          <cell r="E1540">
            <v>1600</v>
          </cell>
          <cell r="F1540" t="str">
            <v>0346-4</v>
          </cell>
          <cell r="G1540">
            <v>11</v>
          </cell>
        </row>
        <row r="1541">
          <cell r="C1541">
            <v>103470</v>
          </cell>
          <cell r="D1541" t="str">
            <v>一番やさしいJSP&amp;サーブレット入門塾</v>
          </cell>
          <cell r="E1541">
            <v>2200</v>
          </cell>
          <cell r="F1541" t="str">
            <v>0347-1</v>
          </cell>
          <cell r="G1541">
            <v>11</v>
          </cell>
        </row>
        <row r="1542">
          <cell r="C1542">
            <v>103480</v>
          </cell>
          <cell r="D1542" t="str">
            <v>実践C++/C#.NETプログラミング</v>
          </cell>
          <cell r="E1542">
            <v>5980</v>
          </cell>
          <cell r="F1542" t="str">
            <v>0348-8</v>
          </cell>
          <cell r="G1542">
            <v>11</v>
          </cell>
        </row>
        <row r="1543">
          <cell r="C1543">
            <v>103490</v>
          </cell>
          <cell r="D1543" t="str">
            <v>クイックスタディ AN・PM・AE 共通午前 平成15年度</v>
          </cell>
          <cell r="E1543">
            <v>2200</v>
          </cell>
          <cell r="F1543" t="str">
            <v>0349-5</v>
          </cell>
          <cell r="G1543">
            <v>33</v>
          </cell>
        </row>
        <row r="1544">
          <cell r="C1544">
            <v>103500</v>
          </cell>
          <cell r="D1544" t="str">
            <v>会議が変わる六つの帽子</v>
          </cell>
          <cell r="E1544">
            <v>1600</v>
          </cell>
          <cell r="F1544" t="str">
            <v>0350-1</v>
          </cell>
          <cell r="G1544">
            <v>11</v>
          </cell>
        </row>
        <row r="1545">
          <cell r="C1545">
            <v>103510</v>
          </cell>
          <cell r="D1545" t="str">
            <v>Java 1 改訂版(プログラマ養成入門講座)</v>
          </cell>
          <cell r="E1545">
            <v>2400</v>
          </cell>
          <cell r="F1545" t="str">
            <v>0351-8</v>
          </cell>
          <cell r="G1545">
            <v>11</v>
          </cell>
        </row>
        <row r="1546">
          <cell r="C1546">
            <v>103520</v>
          </cell>
          <cell r="D1546" t="str">
            <v>Java 2 改訂版(プログラマ養成入門講座)</v>
          </cell>
          <cell r="E1546">
            <v>2400</v>
          </cell>
          <cell r="F1546" t="str">
            <v>0352-5</v>
          </cell>
          <cell r="G1546">
            <v>11</v>
          </cell>
        </row>
        <row r="1547">
          <cell r="C1547">
            <v>103530</v>
          </cell>
          <cell r="D1547" t="str">
            <v>Java プログラミング辞典 サーバサイド・データベース・ネットワーク編</v>
          </cell>
          <cell r="E1547">
            <v>2600</v>
          </cell>
          <cell r="F1547" t="str">
            <v>0353-2</v>
          </cell>
          <cell r="G1547">
            <v>11</v>
          </cell>
        </row>
        <row r="1548">
          <cell r="C1548">
            <v>103540</v>
          </cell>
          <cell r="D1548" t="str">
            <v>ソフトウェアエンジニアリング</v>
          </cell>
          <cell r="E1548">
            <v>6500</v>
          </cell>
          <cell r="F1548" t="str">
            <v>0354-9</v>
          </cell>
          <cell r="G1548">
            <v>11</v>
          </cell>
        </row>
        <row r="1549">
          <cell r="C1549">
            <v>103550</v>
          </cell>
          <cell r="D1549" t="str">
            <v>クラッキング防衛大全 Windows2000編</v>
          </cell>
          <cell r="E1549">
            <v>4500</v>
          </cell>
          <cell r="F1549" t="str">
            <v>0355-6</v>
          </cell>
          <cell r="G1549">
            <v>11</v>
          </cell>
        </row>
        <row r="1550">
          <cell r="C1550">
            <v>103560</v>
          </cell>
          <cell r="D1550" t="str">
            <v>IP電話でわかる最新ネットワーク技術</v>
          </cell>
          <cell r="E1550">
            <v>2000</v>
          </cell>
          <cell r="F1550" t="str">
            <v>0356-3</v>
          </cell>
          <cell r="G1550">
            <v>11</v>
          </cell>
        </row>
        <row r="1551">
          <cell r="C1551">
            <v>103570</v>
          </cell>
          <cell r="D1551" t="str">
            <v>ファイルの救出233の鉄則</v>
          </cell>
          <cell r="E1551">
            <v>1600</v>
          </cell>
          <cell r="F1551" t="str">
            <v>0357-0</v>
          </cell>
          <cell r="G1551">
            <v>11</v>
          </cell>
        </row>
        <row r="1552">
          <cell r="C1552">
            <v>103580</v>
          </cell>
          <cell r="D1552" t="str">
            <v>Web業界の歩き方</v>
          </cell>
          <cell r="E1552">
            <v>1380</v>
          </cell>
          <cell r="F1552" t="str">
            <v>0358-7</v>
          </cell>
          <cell r="G1552">
            <v>11</v>
          </cell>
        </row>
        <row r="1553">
          <cell r="C1553">
            <v>103590</v>
          </cell>
          <cell r="D1553" t="str">
            <v>基本情報技術者 平成15年度春期</v>
          </cell>
          <cell r="E1553">
            <v>1900</v>
          </cell>
          <cell r="F1553" t="str">
            <v>0359-4</v>
          </cell>
          <cell r="G1553">
            <v>33</v>
          </cell>
        </row>
        <row r="1554">
          <cell r="C1554">
            <v>103600</v>
          </cell>
          <cell r="D1554" t="str">
            <v>初級システムアドミニストレータ 平成15年度春期</v>
          </cell>
          <cell r="E1554">
            <v>1900</v>
          </cell>
          <cell r="F1554" t="str">
            <v>0360-0</v>
          </cell>
          <cell r="G1554">
            <v>33</v>
          </cell>
        </row>
        <row r="1555">
          <cell r="C1555">
            <v>103610</v>
          </cell>
          <cell r="D1555" t="str">
            <v>ハッカーの挑戦</v>
          </cell>
          <cell r="E1555">
            <v>2980</v>
          </cell>
          <cell r="F1555" t="str">
            <v>0361-7</v>
          </cell>
          <cell r="G1555">
            <v>11</v>
          </cell>
        </row>
        <row r="1556">
          <cell r="C1556">
            <v>103620</v>
          </cell>
          <cell r="D1556" t="str">
            <v>なぜ、あの商品だけ大ヒットしたのか!</v>
          </cell>
          <cell r="E1556">
            <v>1500</v>
          </cell>
          <cell r="F1556" t="str">
            <v>0362-4</v>
          </cell>
          <cell r="G1556">
            <v>11</v>
          </cell>
        </row>
        <row r="1557">
          <cell r="C1557">
            <v>103630</v>
          </cell>
          <cell r="D1557" t="str">
            <v>Excel VBA 完全制覇パーフェクト 2000/2002対応</v>
          </cell>
          <cell r="E1557">
            <v>3180</v>
          </cell>
          <cell r="F1557" t="str">
            <v>0363-1</v>
          </cell>
          <cell r="G1557">
            <v>21</v>
          </cell>
        </row>
        <row r="1558">
          <cell r="C1558">
            <v>103640</v>
          </cell>
          <cell r="D1558" t="str">
            <v>Perl/CGI辞典</v>
          </cell>
          <cell r="E1558">
            <v>1900</v>
          </cell>
          <cell r="F1558" t="str">
            <v>0364-8</v>
          </cell>
          <cell r="G1558">
            <v>11</v>
          </cell>
        </row>
        <row r="1559">
          <cell r="C1559">
            <v>103660</v>
          </cell>
          <cell r="D1559" t="str">
            <v>マスタリング Jakarta Struts</v>
          </cell>
          <cell r="E1559">
            <v>3400</v>
          </cell>
          <cell r="F1559" t="str">
            <v>0366-2</v>
          </cell>
          <cell r="G1559">
            <v>11</v>
          </cell>
        </row>
        <row r="1560">
          <cell r="C1560">
            <v>103670</v>
          </cell>
          <cell r="D1560" t="str">
            <v>データベース設計のためのUML</v>
          </cell>
          <cell r="E1560">
            <v>3600</v>
          </cell>
          <cell r="F1560" t="str">
            <v>0367-9</v>
          </cell>
          <cell r="G1560">
            <v>11</v>
          </cell>
        </row>
        <row r="1561">
          <cell r="C1561">
            <v>103680</v>
          </cell>
          <cell r="D1561" t="str">
            <v>あなたのチームは機能していますか?</v>
          </cell>
          <cell r="E1561">
            <v>1600</v>
          </cell>
          <cell r="F1561" t="str">
            <v>0368-6</v>
          </cell>
          <cell r="G1561">
            <v>11</v>
          </cell>
        </row>
        <row r="1562">
          <cell r="C1562">
            <v>103700</v>
          </cell>
          <cell r="D1562" t="str">
            <v>オラクルユーザーのためのSQL Server2000速習ガイド</v>
          </cell>
          <cell r="E1562">
            <v>1714</v>
          </cell>
          <cell r="F1562" t="str">
            <v>0370-9</v>
          </cell>
          <cell r="G1562">
            <v>33</v>
          </cell>
        </row>
        <row r="1563">
          <cell r="C1563">
            <v>103710</v>
          </cell>
          <cell r="D1563" t="str">
            <v>独習ASP.NET</v>
          </cell>
          <cell r="E1563">
            <v>3800</v>
          </cell>
          <cell r="F1563" t="str">
            <v>0371-6</v>
          </cell>
          <cell r="G1563">
            <v>33</v>
          </cell>
        </row>
        <row r="1564">
          <cell r="C1564">
            <v>103730</v>
          </cell>
          <cell r="D1564" t="str">
            <v>ブランドは広告で作れない</v>
          </cell>
          <cell r="E1564">
            <v>1800</v>
          </cell>
          <cell r="F1564" t="str">
            <v>0373-0</v>
          </cell>
          <cell r="G1564">
            <v>11</v>
          </cell>
        </row>
        <row r="1565">
          <cell r="C1565">
            <v>103760</v>
          </cell>
          <cell r="D1565" t="str">
            <v>ウォートン流シナリオ・プランニング</v>
          </cell>
          <cell r="E1565">
            <v>2200</v>
          </cell>
          <cell r="F1565" t="str">
            <v>0376-1</v>
          </cell>
          <cell r="G1565">
            <v>21</v>
          </cell>
        </row>
        <row r="1566">
          <cell r="C1566">
            <v>103780</v>
          </cell>
          <cell r="D1566" t="str">
            <v>標準 J2EEテクノロジー1</v>
          </cell>
          <cell r="E1566">
            <v>4800</v>
          </cell>
          <cell r="F1566" t="str">
            <v>0378-5</v>
          </cell>
          <cell r="G1566">
            <v>11</v>
          </cell>
        </row>
        <row r="1567">
          <cell r="C1567">
            <v>103790</v>
          </cell>
          <cell r="D1567" t="str">
            <v>標準 J2EEテクノロジー2</v>
          </cell>
          <cell r="E1567">
            <v>4800</v>
          </cell>
          <cell r="F1567" t="str">
            <v>0379-2</v>
          </cell>
          <cell r="G1567">
            <v>11</v>
          </cell>
        </row>
        <row r="1568">
          <cell r="C1568">
            <v>103800</v>
          </cell>
          <cell r="D1568" t="str">
            <v>無料でつくるはいせんす雑貨</v>
          </cell>
          <cell r="E1568">
            <v>1480</v>
          </cell>
          <cell r="F1568" t="str">
            <v>0380-8</v>
          </cell>
          <cell r="G1568">
            <v>11</v>
          </cell>
        </row>
        <row r="1569">
          <cell r="C1569">
            <v>103810</v>
          </cell>
          <cell r="D1569" t="str">
            <v>独習Access VBA</v>
          </cell>
          <cell r="E1569">
            <v>2800</v>
          </cell>
          <cell r="F1569" t="str">
            <v>0381-5</v>
          </cell>
          <cell r="G1569">
            <v>11</v>
          </cell>
        </row>
        <row r="1570">
          <cell r="C1570">
            <v>103820</v>
          </cell>
          <cell r="D1570" t="str">
            <v>SEのためのIT英語入門</v>
          </cell>
          <cell r="E1570">
            <v>1900</v>
          </cell>
          <cell r="F1570" t="str">
            <v>0382-2</v>
          </cell>
          <cell r="G1570">
            <v>11</v>
          </cell>
        </row>
        <row r="1571">
          <cell r="C1571">
            <v>103830</v>
          </cell>
          <cell r="D1571" t="str">
            <v>MOUS教科書 Outlook2002 一般試験</v>
          </cell>
          <cell r="E1571">
            <v>2800</v>
          </cell>
          <cell r="F1571" t="str">
            <v>0383-9</v>
          </cell>
          <cell r="G1571">
            <v>11</v>
          </cell>
        </row>
        <row r="1572">
          <cell r="C1572">
            <v>103850</v>
          </cell>
          <cell r="D1572" t="str">
            <v>実践的データモデリング入門</v>
          </cell>
          <cell r="E1572">
            <v>2400</v>
          </cell>
          <cell r="F1572" t="str">
            <v>0385-3</v>
          </cell>
          <cell r="G1572">
            <v>11</v>
          </cell>
        </row>
        <row r="1573">
          <cell r="C1573">
            <v>103860</v>
          </cell>
          <cell r="D1573" t="str">
            <v>ハーバート流キャリア・チェンジ術</v>
          </cell>
          <cell r="E1573">
            <v>2200</v>
          </cell>
          <cell r="F1573" t="str">
            <v>0386-0</v>
          </cell>
          <cell r="G1573">
            <v>11</v>
          </cell>
        </row>
        <row r="1574">
          <cell r="C1574">
            <v>103870</v>
          </cell>
          <cell r="D1574" t="str">
            <v>セキュリティアーキテクチャ RSA Press</v>
          </cell>
          <cell r="E1574">
            <v>4800</v>
          </cell>
          <cell r="F1574" t="str">
            <v>0387-7</v>
          </cell>
          <cell r="G1574">
            <v>11</v>
          </cell>
        </row>
        <row r="1575">
          <cell r="C1575">
            <v>103880</v>
          </cell>
          <cell r="D1575" t="str">
            <v>顧客第二主義</v>
          </cell>
          <cell r="E1575">
            <v>2200</v>
          </cell>
          <cell r="F1575" t="str">
            <v>0388-4</v>
          </cell>
          <cell r="G1575">
            <v>11</v>
          </cell>
        </row>
        <row r="1576">
          <cell r="C1576">
            <v>103990</v>
          </cell>
          <cell r="D1576" t="str">
            <v>情報セキュリティアドミニストレータ午前 平成15年度</v>
          </cell>
          <cell r="E1576">
            <v>1800</v>
          </cell>
          <cell r="F1576" t="str">
            <v>0399-0</v>
          </cell>
          <cell r="G1576">
            <v>33</v>
          </cell>
        </row>
        <row r="1577">
          <cell r="C1577">
            <v>104000</v>
          </cell>
          <cell r="D1577" t="str">
            <v>ADO.NET専修講座VB.NET編</v>
          </cell>
          <cell r="E1577">
            <v>3980</v>
          </cell>
          <cell r="F1577" t="str">
            <v>0400-3</v>
          </cell>
          <cell r="G1577">
            <v>11</v>
          </cell>
        </row>
        <row r="1578">
          <cell r="C1578">
            <v>104010</v>
          </cell>
          <cell r="D1578" t="str">
            <v>全部無料でつくる はじめてのホームページ for WindowsXP</v>
          </cell>
          <cell r="E1578">
            <v>1780</v>
          </cell>
          <cell r="F1578" t="str">
            <v>0401-0</v>
          </cell>
          <cell r="G1578">
            <v>11</v>
          </cell>
        </row>
        <row r="1579">
          <cell r="C1579">
            <v>104020</v>
          </cell>
          <cell r="D1579" t="str">
            <v>10日でおぼえる Javaオブジェクト指向入門教室</v>
          </cell>
          <cell r="E1579">
            <v>3200</v>
          </cell>
          <cell r="F1579" t="str">
            <v>0402-7</v>
          </cell>
          <cell r="G1579">
            <v>21</v>
          </cell>
        </row>
        <row r="1580">
          <cell r="C1580">
            <v>104030</v>
          </cell>
          <cell r="D1580" t="str">
            <v>WindowsとMacの架け橋</v>
          </cell>
          <cell r="E1580">
            <v>2000</v>
          </cell>
          <cell r="F1580" t="str">
            <v>0403-4</v>
          </cell>
          <cell r="G1580">
            <v>11</v>
          </cell>
        </row>
        <row r="1581">
          <cell r="C1581">
            <v>104040</v>
          </cell>
          <cell r="D1581" t="str">
            <v>ウェブログ入門</v>
          </cell>
          <cell r="E1581">
            <v>2380</v>
          </cell>
          <cell r="F1581" t="str">
            <v>0404-1</v>
          </cell>
          <cell r="G1581">
            <v>11</v>
          </cell>
        </row>
        <row r="1582">
          <cell r="C1582">
            <v>104050</v>
          </cell>
          <cell r="D1582" t="str">
            <v>.com Master教科書 .com Master★★2003</v>
          </cell>
          <cell r="E1582">
            <v>3800</v>
          </cell>
          <cell r="F1582" t="str">
            <v>0405-8</v>
          </cell>
          <cell r="G1582">
            <v>33</v>
          </cell>
        </row>
        <row r="1583">
          <cell r="C1583">
            <v>104060</v>
          </cell>
          <cell r="D1583" t="str">
            <v>.com Master教科書 .com Master★2003</v>
          </cell>
          <cell r="E1583">
            <v>2800</v>
          </cell>
          <cell r="F1583" t="str">
            <v>0406-5</v>
          </cell>
          <cell r="G1583">
            <v>33</v>
          </cell>
        </row>
        <row r="1584">
          <cell r="C1584">
            <v>104070</v>
          </cell>
          <cell r="D1584" t="str">
            <v>.com Master教科書 要点整理クイックスタディ .com Master★★2003</v>
          </cell>
          <cell r="E1584">
            <v>1980</v>
          </cell>
          <cell r="F1584" t="str">
            <v>0407-2</v>
          </cell>
          <cell r="G1584">
            <v>33</v>
          </cell>
        </row>
        <row r="1585">
          <cell r="C1585">
            <v>104080</v>
          </cell>
          <cell r="D1585" t="str">
            <v>.com Master教科書 要点整理クイックスタディ .com Master★2003</v>
          </cell>
          <cell r="E1585">
            <v>1980</v>
          </cell>
          <cell r="F1585" t="str">
            <v>0408-9</v>
          </cell>
          <cell r="G1585">
            <v>33</v>
          </cell>
        </row>
        <row r="1586">
          <cell r="C1586">
            <v>104090</v>
          </cell>
          <cell r="D1586" t="str">
            <v>SUN教科書 WebComponentDeveloper</v>
          </cell>
          <cell r="E1586">
            <v>4200</v>
          </cell>
          <cell r="F1586" t="str">
            <v>0409-6</v>
          </cell>
          <cell r="G1586">
            <v>33</v>
          </cell>
        </row>
        <row r="1587">
          <cell r="C1587">
            <v>104100</v>
          </cell>
          <cell r="D1587" t="str">
            <v>XMLマスター教科書 プロフェッショナル</v>
          </cell>
          <cell r="E1587">
            <v>3800</v>
          </cell>
          <cell r="F1587" t="str">
            <v>0410-2</v>
          </cell>
          <cell r="G1587">
            <v>33</v>
          </cell>
        </row>
        <row r="1588">
          <cell r="C1588">
            <v>104110</v>
          </cell>
          <cell r="D1588" t="str">
            <v>これならわかる Oracle超入門教室</v>
          </cell>
          <cell r="E1588">
            <v>1980</v>
          </cell>
          <cell r="F1588" t="str">
            <v>0411-9</v>
          </cell>
          <cell r="G1588">
            <v>11</v>
          </cell>
        </row>
        <row r="1589">
          <cell r="C1589">
            <v>104120</v>
          </cell>
          <cell r="D1589" t="str">
            <v>10日でおぼえる Red Hat Linux 9.0 サーバ構築･管理･入門教室</v>
          </cell>
          <cell r="E1589">
            <v>2800</v>
          </cell>
          <cell r="F1589" t="str">
            <v>0412-6</v>
          </cell>
          <cell r="G1589">
            <v>11</v>
          </cell>
        </row>
        <row r="1590">
          <cell r="C1590">
            <v>104130</v>
          </cell>
          <cell r="D1590" t="str">
            <v>ネットワーク(テクニカルエンジニア) 平成15年度</v>
          </cell>
          <cell r="E1590">
            <v>2600</v>
          </cell>
          <cell r="F1590" t="str">
            <v>0413-3</v>
          </cell>
          <cell r="G1590">
            <v>33</v>
          </cell>
        </row>
        <row r="1591">
          <cell r="C1591">
            <v>104140</v>
          </cell>
          <cell r="D1591" t="str">
            <v>オラクルマスター教科書 Platinum パフォーマンスチューニング Oracle9i対応</v>
          </cell>
          <cell r="E1591">
            <v>4500</v>
          </cell>
          <cell r="F1591" t="str">
            <v>0414-0</v>
          </cell>
          <cell r="G1591">
            <v>33</v>
          </cell>
        </row>
        <row r="1592">
          <cell r="C1592">
            <v>104160</v>
          </cell>
          <cell r="D1592" t="str">
            <v>Eclipseユーザーズガイド</v>
          </cell>
          <cell r="E1592">
            <v>2400</v>
          </cell>
          <cell r="F1592" t="str">
            <v>0416-4</v>
          </cell>
          <cell r="G1592">
            <v>11</v>
          </cell>
        </row>
        <row r="1593">
          <cell r="C1593">
            <v>104170</v>
          </cell>
          <cell r="D1593" t="str">
            <v>オブジェクト指向ワークブック</v>
          </cell>
          <cell r="E1593">
            <v>1580</v>
          </cell>
          <cell r="F1593" t="str">
            <v>0417-1</v>
          </cell>
          <cell r="G1593">
            <v>11</v>
          </cell>
        </row>
        <row r="1594">
          <cell r="C1594">
            <v>104180</v>
          </cell>
          <cell r="D1594" t="str">
            <v>オブジェクト脳のつくり方</v>
          </cell>
          <cell r="E1594">
            <v>2800</v>
          </cell>
          <cell r="F1594" t="str">
            <v>0418-8</v>
          </cell>
          <cell r="G1594">
            <v>11</v>
          </cell>
        </row>
        <row r="1595">
          <cell r="C1595">
            <v>104190</v>
          </cell>
          <cell r="D1595" t="str">
            <v>IPv6実践ガイド</v>
          </cell>
          <cell r="E1595">
            <v>2300</v>
          </cell>
          <cell r="F1595" t="str">
            <v>0419-5</v>
          </cell>
          <cell r="G1595">
            <v>11</v>
          </cell>
        </row>
        <row r="1596">
          <cell r="C1596">
            <v>104200</v>
          </cell>
          <cell r="D1596" t="str">
            <v>簡易更新/携帯連動/アクセスアップでホームページの更新がグングン楽しくなる本</v>
          </cell>
          <cell r="E1596">
            <v>1980</v>
          </cell>
          <cell r="F1596" t="str">
            <v>0420-1</v>
          </cell>
          <cell r="G1596">
            <v>11</v>
          </cell>
        </row>
        <row r="1597">
          <cell r="C1597">
            <v>104210</v>
          </cell>
          <cell r="D1597" t="str">
            <v>MCA教科書 データベース</v>
          </cell>
          <cell r="E1597">
            <v>3200</v>
          </cell>
          <cell r="F1597" t="str">
            <v>0421-8</v>
          </cell>
          <cell r="G1597">
            <v>33</v>
          </cell>
        </row>
        <row r="1598">
          <cell r="C1598">
            <v>104220</v>
          </cell>
          <cell r="D1598" t="str">
            <v>MCA教科書 アプリケーション構築</v>
          </cell>
          <cell r="E1598">
            <v>3200</v>
          </cell>
          <cell r="F1598" t="str">
            <v>0422-5</v>
          </cell>
          <cell r="G1598">
            <v>33</v>
          </cell>
        </row>
        <row r="1599">
          <cell r="C1599">
            <v>104230</v>
          </cell>
          <cell r="D1599" t="str">
            <v>上司も先輩も教えてくれない会社のオキテ</v>
          </cell>
          <cell r="E1599">
            <v>1200</v>
          </cell>
          <cell r="F1599" t="str">
            <v>0423-2</v>
          </cell>
          <cell r="G1599">
            <v>11</v>
          </cell>
        </row>
        <row r="1600">
          <cell r="C1600">
            <v>104240</v>
          </cell>
          <cell r="D1600" t="str">
            <v>Photoshop FREE Style TemplateBook</v>
          </cell>
          <cell r="E1600">
            <v>2800</v>
          </cell>
          <cell r="F1600" t="str">
            <v>0424-9</v>
          </cell>
          <cell r="G1600">
            <v>11</v>
          </cell>
        </row>
        <row r="1601">
          <cell r="C1601">
            <v>104250</v>
          </cell>
          <cell r="D1601" t="str">
            <v>19の罠～ハッカーの挑戦2</v>
          </cell>
          <cell r="E1601">
            <v>3280</v>
          </cell>
          <cell r="F1601" t="str">
            <v>0425-6</v>
          </cell>
          <cell r="G1601">
            <v>11</v>
          </cell>
        </row>
        <row r="1602">
          <cell r="C1602">
            <v>104260</v>
          </cell>
          <cell r="D1602" t="str">
            <v>UNIX コマンド辞典 ビギナー編</v>
          </cell>
          <cell r="E1602">
            <v>1880</v>
          </cell>
          <cell r="F1602" t="str">
            <v>0426-3</v>
          </cell>
          <cell r="G1602">
            <v>11</v>
          </cell>
        </row>
        <row r="1603">
          <cell r="C1603">
            <v>104270</v>
          </cell>
          <cell r="D1603" t="str">
            <v>お父さんのためのデジタルビデオ講座</v>
          </cell>
          <cell r="E1603">
            <v>1980</v>
          </cell>
          <cell r="F1603" t="str">
            <v>0427-0</v>
          </cell>
          <cell r="G1603">
            <v>11</v>
          </cell>
        </row>
        <row r="1604">
          <cell r="C1604">
            <v>104280</v>
          </cell>
          <cell r="D1604" t="str">
            <v>アプリケーションエンジニア 平成15年度</v>
          </cell>
          <cell r="E1604">
            <v>2800</v>
          </cell>
          <cell r="F1604" t="str">
            <v>0428-7</v>
          </cell>
          <cell r="G1604">
            <v>33</v>
          </cell>
        </row>
        <row r="1605">
          <cell r="C1605">
            <v>104290</v>
          </cell>
          <cell r="D1605" t="str">
            <v>はじめて学ぶブランド・マネージメント</v>
          </cell>
          <cell r="E1605">
            <v>2400</v>
          </cell>
          <cell r="F1605" t="str">
            <v>0429-4</v>
          </cell>
          <cell r="G1605">
            <v>11</v>
          </cell>
        </row>
        <row r="1606">
          <cell r="C1606">
            <v>104300</v>
          </cell>
          <cell r="D1606" t="str">
            <v>アルゴリズムの解き方</v>
          </cell>
          <cell r="E1606">
            <v>2200</v>
          </cell>
          <cell r="F1606" t="str">
            <v>0430-0</v>
          </cell>
          <cell r="G1606">
            <v>11</v>
          </cell>
        </row>
        <row r="1607">
          <cell r="C1607">
            <v>104310</v>
          </cell>
          <cell r="D1607" t="str">
            <v>クイックスタディ ネットワーク(テクニカルエンジニア)午前 平成15年度</v>
          </cell>
          <cell r="E1607">
            <v>1800</v>
          </cell>
          <cell r="F1607" t="str">
            <v>0431-7</v>
          </cell>
          <cell r="G1607">
            <v>33</v>
          </cell>
        </row>
        <row r="1608">
          <cell r="C1608">
            <v>104320</v>
          </cell>
          <cell r="D1608" t="str">
            <v>プロジェクトマネージャ 平成15年度</v>
          </cell>
          <cell r="E1608">
            <v>3000</v>
          </cell>
          <cell r="F1608" t="str">
            <v>0432-4</v>
          </cell>
          <cell r="G1608">
            <v>33</v>
          </cell>
        </row>
        <row r="1609">
          <cell r="C1609">
            <v>104340</v>
          </cell>
          <cell r="D1609" t="str">
            <v>Oracleシステム構築・運用ガイド 第2版</v>
          </cell>
          <cell r="E1609">
            <v>3200</v>
          </cell>
          <cell r="F1609" t="str">
            <v>0434-8</v>
          </cell>
          <cell r="G1609">
            <v>11</v>
          </cell>
        </row>
        <row r="1610">
          <cell r="C1610">
            <v>104350</v>
          </cell>
          <cell r="D1610" t="str">
            <v>Access2002 プロパティ辞典</v>
          </cell>
          <cell r="E1610">
            <v>2000</v>
          </cell>
          <cell r="F1610" t="str">
            <v>0435-5</v>
          </cell>
          <cell r="G1610">
            <v>11</v>
          </cell>
        </row>
        <row r="1611">
          <cell r="C1611">
            <v>104360</v>
          </cell>
          <cell r="D1611" t="str">
            <v>VBAエキスパート教科書 Excel VBA スタンダード</v>
          </cell>
          <cell r="E1611">
            <v>2980</v>
          </cell>
          <cell r="F1611" t="str">
            <v>0436-2</v>
          </cell>
          <cell r="G1611">
            <v>11</v>
          </cell>
        </row>
        <row r="1612">
          <cell r="C1612">
            <v>104370</v>
          </cell>
          <cell r="D1612" t="str">
            <v>VBAエキスパート教科書 Excel VBA ベーシック</v>
          </cell>
          <cell r="E1612">
            <v>2480</v>
          </cell>
          <cell r="F1612" t="str">
            <v>0437-9</v>
          </cell>
          <cell r="G1612">
            <v>11</v>
          </cell>
        </row>
        <row r="1613">
          <cell r="C1613">
            <v>104380</v>
          </cell>
          <cell r="D1613" t="str">
            <v>SI現場のPostgreSQL入門</v>
          </cell>
          <cell r="E1613">
            <v>1980</v>
          </cell>
          <cell r="F1613" t="str">
            <v>0438-6</v>
          </cell>
          <cell r="G1613">
            <v>11</v>
          </cell>
        </row>
        <row r="1614">
          <cell r="C1614">
            <v>104390</v>
          </cell>
          <cell r="D1614" t="str">
            <v>10日でおぼえる Jakarta入門教室</v>
          </cell>
          <cell r="E1614">
            <v>2800</v>
          </cell>
          <cell r="F1614" t="str">
            <v>0439-3</v>
          </cell>
          <cell r="G1614">
            <v>11</v>
          </cell>
        </row>
        <row r="1615">
          <cell r="C1615">
            <v>104400</v>
          </cell>
          <cell r="D1615" t="str">
            <v>仕事の裏切り</v>
          </cell>
          <cell r="E1615">
            <v>2800</v>
          </cell>
          <cell r="F1615" t="str">
            <v>0440-9</v>
          </cell>
          <cell r="G1615">
            <v>11</v>
          </cell>
        </row>
        <row r="1616">
          <cell r="C1616">
            <v>104410</v>
          </cell>
          <cell r="D1616" t="str">
            <v>オブジェクト嗜好度向上計画</v>
          </cell>
          <cell r="E1616">
            <v>2200</v>
          </cell>
          <cell r="F1616" t="str">
            <v>0441-6</v>
          </cell>
          <cell r="G1616">
            <v>11</v>
          </cell>
        </row>
        <row r="1617">
          <cell r="C1617">
            <v>104420</v>
          </cell>
          <cell r="D1617" t="str">
            <v>Windoows DOS/コマンドプロンプト辞典</v>
          </cell>
          <cell r="E1617">
            <v>1980</v>
          </cell>
          <cell r="F1617" t="str">
            <v>0442-3</v>
          </cell>
          <cell r="G1617">
            <v>11</v>
          </cell>
        </row>
        <row r="1618">
          <cell r="C1618">
            <v>104430</v>
          </cell>
          <cell r="D1618" t="str">
            <v>独習Linux</v>
          </cell>
          <cell r="E1618">
            <v>3200</v>
          </cell>
          <cell r="F1618" t="str">
            <v>0443-0</v>
          </cell>
          <cell r="G1618">
            <v>11</v>
          </cell>
        </row>
        <row r="1619">
          <cell r="C1619">
            <v>104440</v>
          </cell>
          <cell r="D1619" t="str">
            <v>裏技必殺技でWindowsを300倍楽しむ本</v>
          </cell>
          <cell r="E1619">
            <v>1980</v>
          </cell>
          <cell r="F1619" t="str">
            <v>0444-7</v>
          </cell>
          <cell r="G1619">
            <v>11</v>
          </cell>
        </row>
        <row r="1620">
          <cell r="C1620">
            <v>104450</v>
          </cell>
          <cell r="D1620" t="str">
            <v>独習デザインパターン</v>
          </cell>
          <cell r="E1620">
            <v>3800</v>
          </cell>
          <cell r="F1620" t="str">
            <v>0445-4</v>
          </cell>
          <cell r="G1620">
            <v>11</v>
          </cell>
        </row>
        <row r="1621">
          <cell r="C1621">
            <v>104460</v>
          </cell>
          <cell r="D1621" t="str">
            <v>COBOLエンジニアのためのOracle/SQLレッスン</v>
          </cell>
          <cell r="E1621">
            <v>2200</v>
          </cell>
          <cell r="F1621" t="str">
            <v>0446-1</v>
          </cell>
          <cell r="G1621">
            <v>11</v>
          </cell>
        </row>
        <row r="1622">
          <cell r="C1622">
            <v>104480</v>
          </cell>
          <cell r="D1622" t="str">
            <v>シミュレーションに学ぶ顧客志向のシステム構築.NET</v>
          </cell>
          <cell r="E1622">
            <v>2380</v>
          </cell>
          <cell r="F1622" t="str">
            <v>0448-5</v>
          </cell>
          <cell r="G1622">
            <v>11</v>
          </cell>
        </row>
        <row r="1623">
          <cell r="C1623">
            <v>104500</v>
          </cell>
          <cell r="D1623" t="str">
            <v>全部無料でつくる 行列のできるホームページ</v>
          </cell>
          <cell r="E1623">
            <v>1980</v>
          </cell>
          <cell r="F1623" t="str">
            <v>0450-8</v>
          </cell>
          <cell r="G1623">
            <v>11</v>
          </cell>
        </row>
        <row r="1624">
          <cell r="C1624">
            <v>104510</v>
          </cell>
          <cell r="D1624" t="str">
            <v>情報セキュリティアドミニストレータ 平成15年度</v>
          </cell>
          <cell r="E1624">
            <v>2600</v>
          </cell>
          <cell r="F1624" t="str">
            <v>0451-5</v>
          </cell>
          <cell r="G1624">
            <v>33</v>
          </cell>
        </row>
        <row r="1625">
          <cell r="C1625">
            <v>104520</v>
          </cell>
          <cell r="D1625" t="str">
            <v>アルゴリズムの絵本</v>
          </cell>
          <cell r="E1625">
            <v>1680</v>
          </cell>
          <cell r="F1625" t="str">
            <v>0452-2</v>
          </cell>
          <cell r="G1625">
            <v>11</v>
          </cell>
        </row>
        <row r="1626">
          <cell r="C1626">
            <v>104530</v>
          </cell>
          <cell r="D1626" t="str">
            <v>48のキーワードから学ぶ 実践プロジェクトマネジメント</v>
          </cell>
          <cell r="E1626">
            <v>2000</v>
          </cell>
          <cell r="F1626" t="str">
            <v>0453-9</v>
          </cell>
          <cell r="G1626">
            <v>11</v>
          </cell>
        </row>
        <row r="1627">
          <cell r="C1627">
            <v>104540</v>
          </cell>
          <cell r="D1627" t="str">
            <v>ソフトウェア開発技術者午前問題集 平成16年度</v>
          </cell>
          <cell r="E1627">
            <v>1980</v>
          </cell>
          <cell r="F1627" t="str">
            <v>0454-6</v>
          </cell>
          <cell r="G1627">
            <v>33</v>
          </cell>
        </row>
        <row r="1628">
          <cell r="C1628">
            <v>104550</v>
          </cell>
          <cell r="D1628" t="str">
            <v>AutoCAD LTパーフェクトバイブル 2004/2002/2000対応</v>
          </cell>
          <cell r="E1628">
            <v>2980</v>
          </cell>
          <cell r="F1628" t="str">
            <v>0455-3</v>
          </cell>
          <cell r="G1628">
            <v>21</v>
          </cell>
        </row>
        <row r="1629">
          <cell r="C1629">
            <v>104560</v>
          </cell>
          <cell r="D1629" t="str">
            <v>秀丸エディタハンドブック</v>
          </cell>
          <cell r="E1629">
            <v>1580</v>
          </cell>
          <cell r="F1629" t="str">
            <v>0456-0</v>
          </cell>
          <cell r="G1629">
            <v>11</v>
          </cell>
        </row>
        <row r="1630">
          <cell r="C1630">
            <v>104570</v>
          </cell>
          <cell r="D1630" t="str">
            <v>初級システムアドミニストレータ 平成15年度秋期</v>
          </cell>
          <cell r="E1630">
            <v>1900</v>
          </cell>
          <cell r="F1630" t="str">
            <v>0457-7</v>
          </cell>
          <cell r="G1630">
            <v>33</v>
          </cell>
        </row>
        <row r="1631">
          <cell r="C1631">
            <v>104580</v>
          </cell>
          <cell r="D1631" t="str">
            <v>基本情報技術者 平成15年度秋期</v>
          </cell>
          <cell r="E1631">
            <v>1900</v>
          </cell>
          <cell r="F1631" t="str">
            <v>0458-4</v>
          </cell>
          <cell r="G1631">
            <v>33</v>
          </cell>
        </row>
        <row r="1632">
          <cell r="C1632">
            <v>104590</v>
          </cell>
          <cell r="D1632" t="str">
            <v>重点演習基本情報技術者午後</v>
          </cell>
          <cell r="E1632">
            <v>1900</v>
          </cell>
          <cell r="F1632" t="str">
            <v>0459-1</v>
          </cell>
          <cell r="G1632">
            <v>32</v>
          </cell>
        </row>
        <row r="1633">
          <cell r="C1633">
            <v>104600</v>
          </cell>
          <cell r="D1633" t="str">
            <v>新人SEのための「基本情報技術者」入門</v>
          </cell>
          <cell r="E1633">
            <v>1800</v>
          </cell>
          <cell r="F1633" t="str">
            <v>0460-7</v>
          </cell>
          <cell r="G1633">
            <v>32</v>
          </cell>
        </row>
        <row r="1634">
          <cell r="C1634">
            <v>104610</v>
          </cell>
          <cell r="D1634" t="str">
            <v>標準デジカメ撮影講座</v>
          </cell>
          <cell r="E1634">
            <v>2200</v>
          </cell>
          <cell r="F1634" t="str">
            <v>0461-4</v>
          </cell>
          <cell r="G1634">
            <v>11</v>
          </cell>
        </row>
        <row r="1635">
          <cell r="C1635">
            <v>104620</v>
          </cell>
          <cell r="D1635" t="str">
            <v>ActionScript for FLASH MX2004</v>
          </cell>
          <cell r="E1635">
            <v>2800</v>
          </cell>
          <cell r="F1635" t="str">
            <v>0462-1</v>
          </cell>
          <cell r="G1635">
            <v>11</v>
          </cell>
        </row>
        <row r="1636">
          <cell r="C1636">
            <v>104630</v>
          </cell>
          <cell r="D1636" t="str">
            <v>CSS&amp;JaveScript編</v>
          </cell>
          <cell r="E1636">
            <v>2500</v>
          </cell>
          <cell r="F1636" t="str">
            <v>0463-8</v>
          </cell>
          <cell r="G1636">
            <v>33</v>
          </cell>
        </row>
        <row r="1637">
          <cell r="C1637">
            <v>104640</v>
          </cell>
          <cell r="D1637" t="str">
            <v>現代プログラミングの基礎知識</v>
          </cell>
          <cell r="E1637">
            <v>1980</v>
          </cell>
          <cell r="F1637" t="str">
            <v>0464-5</v>
          </cell>
          <cell r="G1637">
            <v>11</v>
          </cell>
        </row>
        <row r="1638">
          <cell r="C1638">
            <v>104710</v>
          </cell>
          <cell r="D1638" t="str">
            <v>オラクルマスター教科書 Silver Oracle9iAS編 Oracle9iApplication Server</v>
          </cell>
          <cell r="E1638">
            <v>4280</v>
          </cell>
          <cell r="F1638" t="str">
            <v>0471-3</v>
          </cell>
          <cell r="G1638">
            <v>11</v>
          </cell>
        </row>
        <row r="1639">
          <cell r="C1639">
            <v>104720</v>
          </cell>
          <cell r="D1639" t="str">
            <v>実践!プロジェクト管理入門</v>
          </cell>
          <cell r="E1639">
            <v>1980</v>
          </cell>
          <cell r="F1639" t="str">
            <v>0472-0</v>
          </cell>
          <cell r="G1639">
            <v>33</v>
          </cell>
        </row>
        <row r="1640">
          <cell r="C1640">
            <v>104730</v>
          </cell>
          <cell r="D1640" t="str">
            <v>Dr.芦屋のSE診断クリニック</v>
          </cell>
          <cell r="E1640">
            <v>1680</v>
          </cell>
          <cell r="F1640" t="str">
            <v>0473-7</v>
          </cell>
          <cell r="G1640">
            <v>11</v>
          </cell>
        </row>
        <row r="1641">
          <cell r="C1641">
            <v>104740</v>
          </cell>
          <cell r="D1641" t="str">
            <v>けん太のプログラミング修行記</v>
          </cell>
          <cell r="E1641">
            <v>2200</v>
          </cell>
          <cell r="F1641" t="str">
            <v>0474-4</v>
          </cell>
          <cell r="G1641">
            <v>11</v>
          </cell>
        </row>
        <row r="1642">
          <cell r="C1642">
            <v>104750</v>
          </cell>
          <cell r="D1642" t="str">
            <v>HiRDB Version7スタートアップガイド</v>
          </cell>
          <cell r="E1642">
            <v>2800</v>
          </cell>
          <cell r="F1642" t="str">
            <v>0475-1</v>
          </cell>
          <cell r="G1642">
            <v>11</v>
          </cell>
        </row>
        <row r="1643">
          <cell r="C1643">
            <v>104760</v>
          </cell>
          <cell r="D1643" t="str">
            <v>motion dive .tokyo the handbook</v>
          </cell>
          <cell r="E1643">
            <v>2400</v>
          </cell>
          <cell r="F1643" t="str">
            <v>0476-8</v>
          </cell>
          <cell r="G1643">
            <v>33</v>
          </cell>
        </row>
        <row r="1644">
          <cell r="C1644">
            <v>104770</v>
          </cell>
          <cell r="D1644" t="str">
            <v>アホでマヌケなプログラミング</v>
          </cell>
          <cell r="E1644">
            <v>1680</v>
          </cell>
          <cell r="F1644" t="str">
            <v>0477-5</v>
          </cell>
          <cell r="G1644">
            <v>11</v>
          </cell>
        </row>
        <row r="1645">
          <cell r="C1645">
            <v>104780</v>
          </cell>
          <cell r="D1645" t="str">
            <v>SEのための図解技術</v>
          </cell>
          <cell r="E1645">
            <v>1980</v>
          </cell>
          <cell r="F1645" t="str">
            <v>0478-2</v>
          </cell>
          <cell r="G1645">
            <v>11</v>
          </cell>
        </row>
        <row r="1646">
          <cell r="C1646">
            <v>104790</v>
          </cell>
          <cell r="D1646" t="str">
            <v>SQL Server Magazine vol.9</v>
          </cell>
          <cell r="E1646">
            <v>1714</v>
          </cell>
          <cell r="F1646" t="str">
            <v>0479-9</v>
          </cell>
        </row>
        <row r="1647">
          <cell r="C1647">
            <v>104800</v>
          </cell>
          <cell r="D1647" t="str">
            <v>スクイークであそぼう</v>
          </cell>
          <cell r="E1647">
            <v>1900</v>
          </cell>
          <cell r="F1647" t="str">
            <v>0480-5</v>
          </cell>
          <cell r="G1647">
            <v>11</v>
          </cell>
        </row>
        <row r="1648">
          <cell r="C1648">
            <v>104810</v>
          </cell>
          <cell r="D1648" t="str">
            <v>IBM教科書 DB2エンジニアv8</v>
          </cell>
          <cell r="E1648">
            <v>3800</v>
          </cell>
          <cell r="F1648" t="str">
            <v>0481-2</v>
          </cell>
          <cell r="G1648">
            <v>33</v>
          </cell>
        </row>
        <row r="1649">
          <cell r="C1649">
            <v>104830</v>
          </cell>
          <cell r="D1649" t="str">
            <v>VBAエキスパート教科書 Access VBA ベーシック</v>
          </cell>
          <cell r="E1649">
            <v>3480</v>
          </cell>
          <cell r="F1649" t="str">
            <v>0483-6</v>
          </cell>
          <cell r="G1649">
            <v>11</v>
          </cell>
        </row>
        <row r="1650">
          <cell r="C1650">
            <v>104840</v>
          </cell>
          <cell r="D1650" t="str">
            <v>VBAエキスパート教科書 Access VBA スタンダード</v>
          </cell>
          <cell r="E1650">
            <v>3480</v>
          </cell>
          <cell r="F1650" t="str">
            <v>0484-3</v>
          </cell>
          <cell r="G1650">
            <v>11</v>
          </cell>
        </row>
        <row r="1651">
          <cell r="C1651">
            <v>104850</v>
          </cell>
          <cell r="D1651" t="str">
            <v>SEのための数字・数学</v>
          </cell>
          <cell r="E1651">
            <v>1800</v>
          </cell>
          <cell r="F1651" t="str">
            <v>0485-0</v>
          </cell>
          <cell r="G1651">
            <v>11</v>
          </cell>
        </row>
        <row r="1652">
          <cell r="C1652">
            <v>104860</v>
          </cell>
          <cell r="D1652" t="str">
            <v>10日でおぼえる データモデリング入門教室</v>
          </cell>
          <cell r="E1652">
            <v>2800</v>
          </cell>
          <cell r="F1652" t="str">
            <v>0486-7</v>
          </cell>
          <cell r="G1652">
            <v>11</v>
          </cell>
        </row>
        <row r="1653">
          <cell r="C1653">
            <v>104870</v>
          </cell>
          <cell r="D1653" t="str">
            <v>10日でおぼえる XML入門教室 第2版</v>
          </cell>
          <cell r="E1653">
            <v>2500</v>
          </cell>
          <cell r="F1653" t="str">
            <v>0487-4</v>
          </cell>
          <cell r="G1653">
            <v>11</v>
          </cell>
        </row>
        <row r="1654">
          <cell r="C1654">
            <v>104880</v>
          </cell>
          <cell r="D1654" t="str">
            <v>データベース村へ、ようこそ</v>
          </cell>
          <cell r="E1654">
            <v>2400</v>
          </cell>
          <cell r="F1654" t="str">
            <v>0488-1</v>
          </cell>
          <cell r="G1654">
            <v>11</v>
          </cell>
        </row>
        <row r="1655">
          <cell r="C1655">
            <v>104890</v>
          </cell>
          <cell r="D1655" t="str">
            <v>SQL Server Magazine vol.10</v>
          </cell>
          <cell r="E1655">
            <v>1714</v>
          </cell>
          <cell r="F1655" t="str">
            <v>0489-8</v>
          </cell>
        </row>
        <row r="1656">
          <cell r="C1656">
            <v>104900</v>
          </cell>
          <cell r="D1656" t="str">
            <v>Oracleプログラミング教習所</v>
          </cell>
          <cell r="E1656">
            <v>2800</v>
          </cell>
          <cell r="F1656" t="str">
            <v>0490-4</v>
          </cell>
          <cell r="G1656">
            <v>11</v>
          </cell>
        </row>
        <row r="1657">
          <cell r="C1657">
            <v>104910</v>
          </cell>
          <cell r="D1657" t="str">
            <v>プログラミングワンダーランドへいらっしゃい2 JSP&amp;サーブレット編</v>
          </cell>
          <cell r="E1657">
            <v>2600</v>
          </cell>
          <cell r="F1657" t="str">
            <v>0491-1</v>
          </cell>
          <cell r="G1657">
            <v>11</v>
          </cell>
        </row>
        <row r="1658">
          <cell r="C1658">
            <v>104920</v>
          </cell>
          <cell r="D1658" t="str">
            <v>手とり足とりのマンガホームページ講座</v>
          </cell>
          <cell r="E1658">
            <v>1580</v>
          </cell>
          <cell r="F1658" t="str">
            <v>0492-8</v>
          </cell>
          <cell r="G1658">
            <v>11</v>
          </cell>
        </row>
        <row r="1659">
          <cell r="C1659">
            <v>104930</v>
          </cell>
          <cell r="D1659" t="str">
            <v>イノベーションへの解</v>
          </cell>
          <cell r="E1659">
            <v>2000</v>
          </cell>
          <cell r="F1659" t="str">
            <v>0493-5</v>
          </cell>
          <cell r="G1659">
            <v>11</v>
          </cell>
        </row>
        <row r="1660">
          <cell r="C1660">
            <v>104940</v>
          </cell>
          <cell r="D1660" t="str">
            <v>SUN教科書 Solaris9</v>
          </cell>
          <cell r="E1660">
            <v>4800</v>
          </cell>
          <cell r="F1660" t="str">
            <v>0494-2</v>
          </cell>
          <cell r="G1660">
            <v>11</v>
          </cell>
        </row>
        <row r="1661">
          <cell r="C1661">
            <v>104950</v>
          </cell>
          <cell r="D1661" t="str">
            <v>データベース(テクニカルエンジニア) 平成16年度</v>
          </cell>
          <cell r="E1661">
            <v>2800</v>
          </cell>
          <cell r="F1661" t="str">
            <v>0495-9</v>
          </cell>
          <cell r="G1661">
            <v>33</v>
          </cell>
        </row>
        <row r="1662">
          <cell r="C1662">
            <v>104960</v>
          </cell>
          <cell r="D1662" t="str">
            <v>ソフトウェア開発技術者 平成16年度</v>
          </cell>
          <cell r="E1662">
            <v>2800</v>
          </cell>
          <cell r="F1662" t="str">
            <v>0496-6</v>
          </cell>
          <cell r="G1662">
            <v>33</v>
          </cell>
        </row>
        <row r="1663">
          <cell r="C1663">
            <v>104970</v>
          </cell>
          <cell r="D1663" t="str">
            <v>SQL辞典</v>
          </cell>
          <cell r="E1663">
            <v>1980</v>
          </cell>
          <cell r="F1663" t="str">
            <v>0497-3</v>
          </cell>
          <cell r="G1663">
            <v>11</v>
          </cell>
        </row>
        <row r="1664">
          <cell r="C1664">
            <v>104980</v>
          </cell>
          <cell r="D1664" t="str">
            <v>Linux教科書 LPICレベル2</v>
          </cell>
          <cell r="E1664">
            <v>3800</v>
          </cell>
          <cell r="F1664" t="str">
            <v>0498-0</v>
          </cell>
          <cell r="G1664">
            <v>11</v>
          </cell>
        </row>
        <row r="1665">
          <cell r="C1665">
            <v>104990</v>
          </cell>
          <cell r="D1665" t="str">
            <v>オラクルマスター教科書 Silver SQL/Oracle入門編Oracle9iDatabase</v>
          </cell>
          <cell r="E1665">
            <v>3800</v>
          </cell>
          <cell r="F1665" t="str">
            <v>0499-7</v>
          </cell>
          <cell r="G1665">
            <v>11</v>
          </cell>
        </row>
        <row r="1666">
          <cell r="C1666">
            <v>105000</v>
          </cell>
          <cell r="D1666" t="str">
            <v>オラクルマスター教科書 Silver DBA1編Oracle9iDatabase</v>
          </cell>
          <cell r="E1666">
            <v>3800</v>
          </cell>
          <cell r="F1666" t="str">
            <v>0500-0</v>
          </cell>
          <cell r="G1666">
            <v>11</v>
          </cell>
        </row>
        <row r="1667">
          <cell r="C1667">
            <v>105010</v>
          </cell>
          <cell r="D1667" t="str">
            <v>オラクルマスター教科書 Gold DBA2編Oracle9iDatabase</v>
          </cell>
          <cell r="E1667">
            <v>4500</v>
          </cell>
          <cell r="F1667" t="str">
            <v>0501-7</v>
          </cell>
          <cell r="G1667">
            <v>11</v>
          </cell>
        </row>
        <row r="1668">
          <cell r="C1668">
            <v>105020</v>
          </cell>
          <cell r="D1668" t="str">
            <v>オラクルマスター教科書 Gold パフォーマンスチューニング編Oracle9iDatabase</v>
          </cell>
          <cell r="E1668">
            <v>4500</v>
          </cell>
          <cell r="F1668" t="str">
            <v>0502-4</v>
          </cell>
          <cell r="G1668">
            <v>11</v>
          </cell>
        </row>
        <row r="1669">
          <cell r="C1669">
            <v>105030</v>
          </cell>
          <cell r="D1669" t="str">
            <v>憧れのマイホームページを建てる</v>
          </cell>
          <cell r="E1669">
            <v>1680</v>
          </cell>
          <cell r="F1669" t="str">
            <v>0503-1</v>
          </cell>
          <cell r="G1669">
            <v>11</v>
          </cell>
        </row>
        <row r="1670">
          <cell r="C1670">
            <v>105040</v>
          </cell>
          <cell r="D1670" t="str">
            <v>Illustratorブラシの素</v>
          </cell>
          <cell r="E1670">
            <v>2400</v>
          </cell>
          <cell r="F1670" t="str">
            <v>0504-8</v>
          </cell>
          <cell r="G1670">
            <v>11</v>
          </cell>
        </row>
        <row r="1671">
          <cell r="C1671">
            <v>105050</v>
          </cell>
          <cell r="D1671" t="str">
            <v>Illustratorパターンの素</v>
          </cell>
          <cell r="E1671">
            <v>2400</v>
          </cell>
          <cell r="F1671" t="str">
            <v>0505-5</v>
          </cell>
          <cell r="G1671">
            <v>11</v>
          </cell>
        </row>
        <row r="1672">
          <cell r="C1672">
            <v>105060</v>
          </cell>
          <cell r="D1672" t="str">
            <v>OJTでいこう</v>
          </cell>
          <cell r="E1672">
            <v>1480</v>
          </cell>
          <cell r="F1672" t="str">
            <v>0506-2</v>
          </cell>
          <cell r="G1672">
            <v>11</v>
          </cell>
        </row>
        <row r="1673">
          <cell r="C1673">
            <v>105070</v>
          </cell>
          <cell r="D1673" t="str">
            <v>UMLモデリング教科書 UMLモデリング L1</v>
          </cell>
          <cell r="E1673">
            <v>2680</v>
          </cell>
          <cell r="F1673" t="str">
            <v>0507-9</v>
          </cell>
          <cell r="G1673">
            <v>11</v>
          </cell>
        </row>
        <row r="1674">
          <cell r="C1674">
            <v>105080</v>
          </cell>
          <cell r="D1674" t="str">
            <v>実践!システムドキュメント徹底活用</v>
          </cell>
          <cell r="E1674">
            <v>2200</v>
          </cell>
          <cell r="F1674" t="str">
            <v>0508-6</v>
          </cell>
          <cell r="G1674">
            <v>11</v>
          </cell>
        </row>
        <row r="1675">
          <cell r="C1675">
            <v>105090</v>
          </cell>
          <cell r="D1675" t="str">
            <v>Excelで売上どんどん利益バンバン上げる社長の本</v>
          </cell>
          <cell r="E1675">
            <v>1680</v>
          </cell>
          <cell r="F1675" t="str">
            <v>0509-3</v>
          </cell>
          <cell r="G1675">
            <v>11</v>
          </cell>
        </row>
        <row r="1676">
          <cell r="C1676">
            <v>105100</v>
          </cell>
          <cell r="D1676" t="str">
            <v>強いWindowsの基本</v>
          </cell>
          <cell r="E1676">
            <v>2200</v>
          </cell>
          <cell r="F1676" t="str">
            <v>0510-9</v>
          </cell>
          <cell r="G1676">
            <v>11</v>
          </cell>
        </row>
        <row r="1677">
          <cell r="C1677">
            <v>105110</v>
          </cell>
          <cell r="D1677" t="str">
            <v>基礎編</v>
          </cell>
          <cell r="E1677">
            <v>2400</v>
          </cell>
          <cell r="F1677" t="str">
            <v>0511-6</v>
          </cell>
          <cell r="G1677">
            <v>11</v>
          </cell>
        </row>
        <row r="1678">
          <cell r="C1678">
            <v>105120</v>
          </cell>
          <cell r="D1678" t="str">
            <v>QuarkXPress 4.1/3.3</v>
          </cell>
          <cell r="E1678">
            <v>2800</v>
          </cell>
          <cell r="F1678" t="str">
            <v>0512-3</v>
          </cell>
          <cell r="G1678">
            <v>11</v>
          </cell>
        </row>
        <row r="1679">
          <cell r="C1679">
            <v>105130</v>
          </cell>
          <cell r="D1679" t="str">
            <v>あなただけができることをやりなさい</v>
          </cell>
          <cell r="E1679">
            <v>1680</v>
          </cell>
          <cell r="F1679" t="str">
            <v>0513-0</v>
          </cell>
          <cell r="G1679">
            <v>11</v>
          </cell>
        </row>
        <row r="1680">
          <cell r="C1680">
            <v>105140</v>
          </cell>
          <cell r="D1680" t="str">
            <v>Photoshop</v>
          </cell>
          <cell r="E1680">
            <v>2800</v>
          </cell>
          <cell r="F1680" t="str">
            <v>0514-7</v>
          </cell>
          <cell r="G1680">
            <v>11</v>
          </cell>
        </row>
        <row r="1681">
          <cell r="C1681">
            <v>105150</v>
          </cell>
          <cell r="D1681" t="str">
            <v>Illustrator</v>
          </cell>
          <cell r="E1681">
            <v>2400</v>
          </cell>
          <cell r="F1681" t="str">
            <v>0515-4</v>
          </cell>
          <cell r="G1681">
            <v>11</v>
          </cell>
        </row>
        <row r="1682">
          <cell r="C1682">
            <v>105160</v>
          </cell>
          <cell r="D1682" t="str">
            <v>TCP/IPの絵本</v>
          </cell>
          <cell r="E1682">
            <v>1580</v>
          </cell>
          <cell r="F1682" t="str">
            <v>0516-1</v>
          </cell>
          <cell r="G1682">
            <v>11</v>
          </cell>
        </row>
        <row r="1683">
          <cell r="C1683">
            <v>105440</v>
          </cell>
          <cell r="D1683" t="str">
            <v>Oracle達人技ベスト</v>
          </cell>
          <cell r="E1683">
            <v>2800</v>
          </cell>
          <cell r="F1683" t="str">
            <v>0544-4</v>
          </cell>
          <cell r="G1683">
            <v>11</v>
          </cell>
        </row>
        <row r="1684">
          <cell r="C1684">
            <v>105450</v>
          </cell>
          <cell r="D1684" t="str">
            <v>バイオ研究・開発のためのOracle活用術</v>
          </cell>
          <cell r="E1684">
            <v>2800</v>
          </cell>
          <cell r="F1684" t="str">
            <v>0545-1</v>
          </cell>
          <cell r="G1684">
            <v>11</v>
          </cell>
        </row>
        <row r="1685">
          <cell r="C1685">
            <v>105460</v>
          </cell>
          <cell r="D1685" t="str">
            <v>Word2003 完全制覇パーフェクト</v>
          </cell>
          <cell r="E1685">
            <v>2680</v>
          </cell>
          <cell r="F1685" t="str">
            <v>0546-8</v>
          </cell>
          <cell r="G1685">
            <v>11</v>
          </cell>
        </row>
        <row r="1686">
          <cell r="C1686">
            <v>105470</v>
          </cell>
          <cell r="D1686" t="str">
            <v>Excel2003 完全制覇パーフェクト</v>
          </cell>
          <cell r="E1686">
            <v>2680</v>
          </cell>
          <cell r="F1686" t="str">
            <v>0547-5</v>
          </cell>
          <cell r="G1686">
            <v>11</v>
          </cell>
        </row>
        <row r="1687">
          <cell r="C1687">
            <v>105480</v>
          </cell>
          <cell r="D1687" t="str">
            <v>弥生会計04ではじめる らくらくパソコン会計</v>
          </cell>
          <cell r="E1687">
            <v>2380</v>
          </cell>
          <cell r="F1687" t="str">
            <v>0548-2</v>
          </cell>
          <cell r="G1687">
            <v>33</v>
          </cell>
        </row>
        <row r="1688">
          <cell r="C1688">
            <v>105490</v>
          </cell>
          <cell r="D1688" t="str">
            <v>Project Management Professional 試験対策講座1 基礎編 PMBOK概要</v>
          </cell>
          <cell r="E1688">
            <v>42000</v>
          </cell>
          <cell r="F1688" t="str">
            <v>0549-9</v>
          </cell>
          <cell r="G1688">
            <v>36</v>
          </cell>
        </row>
        <row r="1689">
          <cell r="C1689">
            <v>105520</v>
          </cell>
          <cell r="D1689" t="str">
            <v>システム構築のための4つの設計</v>
          </cell>
          <cell r="E1689">
            <v>2200</v>
          </cell>
          <cell r="F1689" t="str">
            <v>0552-9</v>
          </cell>
          <cell r="G1689">
            <v>11</v>
          </cell>
        </row>
        <row r="1690">
          <cell r="C1690">
            <v>105530</v>
          </cell>
          <cell r="D1690" t="str">
            <v>エンタープライズ アプリケーションアーキテクチャパターン</v>
          </cell>
          <cell r="E1690">
            <v>5800</v>
          </cell>
          <cell r="F1690" t="str">
            <v>0553-6</v>
          </cell>
          <cell r="G1690">
            <v>11</v>
          </cell>
        </row>
        <row r="1691">
          <cell r="C1691">
            <v>105550</v>
          </cell>
          <cell r="D1691" t="str">
            <v>SEのためのソフトウェアテストの基本</v>
          </cell>
          <cell r="E1691">
            <v>2000</v>
          </cell>
          <cell r="F1691" t="str">
            <v>0555-0</v>
          </cell>
          <cell r="G1691">
            <v>11</v>
          </cell>
        </row>
        <row r="1692">
          <cell r="C1692">
            <v>105580</v>
          </cell>
          <cell r="D1692" t="str">
            <v>ソフトウェア開発技術者午後問題集 平成16年度</v>
          </cell>
          <cell r="E1692">
            <v>2280</v>
          </cell>
          <cell r="F1692" t="str">
            <v>0558-1</v>
          </cell>
          <cell r="G1692">
            <v>33</v>
          </cell>
        </row>
        <row r="1693">
          <cell r="C1693">
            <v>105600</v>
          </cell>
          <cell r="D1693" t="str">
            <v>かんたんUML 増補改訂版</v>
          </cell>
          <cell r="E1693">
            <v>1980</v>
          </cell>
          <cell r="F1693" t="str">
            <v>0560-4</v>
          </cell>
          <cell r="G1693">
            <v>11</v>
          </cell>
        </row>
        <row r="1694">
          <cell r="C1694">
            <v>105610</v>
          </cell>
          <cell r="D1694" t="str">
            <v>Acrobat6.0+PDF完全マスター</v>
          </cell>
          <cell r="E1694">
            <v>2400</v>
          </cell>
          <cell r="F1694" t="str">
            <v>0561-1</v>
          </cell>
          <cell r="G1694">
            <v>11</v>
          </cell>
        </row>
        <row r="1695">
          <cell r="C1695">
            <v>105620</v>
          </cell>
          <cell r="D1695" t="str">
            <v>Symbian OS C++プログラミング</v>
          </cell>
          <cell r="E1695">
            <v>12000</v>
          </cell>
          <cell r="F1695" t="str">
            <v>0562-8</v>
          </cell>
          <cell r="G1695">
            <v>11</v>
          </cell>
        </row>
        <row r="1696">
          <cell r="C1696">
            <v>105630</v>
          </cell>
          <cell r="D1696" t="str">
            <v>サーバ防衛大学校</v>
          </cell>
          <cell r="E1696">
            <v>2000</v>
          </cell>
          <cell r="F1696" t="str">
            <v>0563-5</v>
          </cell>
          <cell r="G1696">
            <v>11</v>
          </cell>
        </row>
        <row r="1697">
          <cell r="C1697">
            <v>105650</v>
          </cell>
          <cell r="D1697" t="str">
            <v>MCSE教科書 WindowsServer2003Server</v>
          </cell>
          <cell r="E1697">
            <v>3800</v>
          </cell>
          <cell r="F1697" t="str">
            <v>0565-9</v>
          </cell>
          <cell r="G1697">
            <v>11</v>
          </cell>
        </row>
        <row r="1698">
          <cell r="C1698">
            <v>105660</v>
          </cell>
          <cell r="D1698" t="str">
            <v>グラス片手にデータベース設計 販売管理システム編</v>
          </cell>
          <cell r="E1698">
            <v>2400</v>
          </cell>
          <cell r="F1698" t="str">
            <v>0566-6</v>
          </cell>
          <cell r="G1698">
            <v>11</v>
          </cell>
        </row>
        <row r="1699">
          <cell r="C1699">
            <v>105670</v>
          </cell>
          <cell r="D1699" t="str">
            <v>中小企業診断士教科書 最短合格+過去問セレクト[第一次試験] (2004年版)</v>
          </cell>
          <cell r="E1699">
            <v>2980</v>
          </cell>
          <cell r="F1699" t="str">
            <v>0567-3</v>
          </cell>
          <cell r="G1699">
            <v>33</v>
          </cell>
        </row>
        <row r="1700">
          <cell r="C1700">
            <v>105680</v>
          </cell>
          <cell r="D1700" t="str">
            <v>WebSphere教科書 WebSphere V5.0認定システムアドミニストレーターBasic</v>
          </cell>
          <cell r="E1700">
            <v>3980</v>
          </cell>
          <cell r="F1700" t="str">
            <v>0568-0</v>
          </cell>
          <cell r="G1700">
            <v>11</v>
          </cell>
        </row>
        <row r="1701">
          <cell r="C1701">
            <v>105710</v>
          </cell>
          <cell r="D1701" t="str">
            <v>初級システムアドミニストレータ 平成16年度春期</v>
          </cell>
          <cell r="E1701">
            <v>1480</v>
          </cell>
          <cell r="F1701" t="str">
            <v>0571-0</v>
          </cell>
          <cell r="G1701">
            <v>33</v>
          </cell>
        </row>
        <row r="1702">
          <cell r="C1702">
            <v>105720</v>
          </cell>
          <cell r="D1702" t="str">
            <v>基本情報技術者 平成16年度春期</v>
          </cell>
          <cell r="E1702">
            <v>1900</v>
          </cell>
          <cell r="F1702" t="str">
            <v>0572-7</v>
          </cell>
          <cell r="G1702">
            <v>33</v>
          </cell>
        </row>
        <row r="1703">
          <cell r="C1703">
            <v>105760</v>
          </cell>
          <cell r="D1703" t="str">
            <v>Bloggers!(ブロガーズ)</v>
          </cell>
          <cell r="E1703">
            <v>1580</v>
          </cell>
          <cell r="F1703" t="str">
            <v>0576-5</v>
          </cell>
          <cell r="G1703">
            <v>11</v>
          </cell>
        </row>
        <row r="1704">
          <cell r="C1704">
            <v>105770</v>
          </cell>
          <cell r="D1704" t="str">
            <v>セキュリティビジネス白書 2004</v>
          </cell>
          <cell r="E1704">
            <v>3200</v>
          </cell>
          <cell r="F1704" t="str">
            <v>0577-2</v>
          </cell>
          <cell r="G1704">
            <v>11</v>
          </cell>
        </row>
        <row r="1705">
          <cell r="C1705">
            <v>105780</v>
          </cell>
          <cell r="D1705" t="str">
            <v>UML辞典</v>
          </cell>
          <cell r="E1705">
            <v>2150</v>
          </cell>
          <cell r="F1705" t="str">
            <v>0578-9</v>
          </cell>
          <cell r="G1705">
            <v>11</v>
          </cell>
        </row>
        <row r="1706">
          <cell r="C1706">
            <v>105790</v>
          </cell>
          <cell r="D1706" t="str">
            <v>SQL Server Magazine vol.11</v>
          </cell>
          <cell r="E1706">
            <v>1714</v>
          </cell>
          <cell r="F1706" t="str">
            <v>0579-6</v>
          </cell>
        </row>
        <row r="1707">
          <cell r="C1707">
            <v>105810</v>
          </cell>
          <cell r="D1707" t="str">
            <v>プログラミングワンダーランドへいらっしゃい(標準プログラミング講座基礎編)</v>
          </cell>
          <cell r="E1707">
            <v>2200</v>
          </cell>
          <cell r="F1707" t="str">
            <v>0581-9</v>
          </cell>
          <cell r="G1707">
            <v>11</v>
          </cell>
        </row>
        <row r="1708">
          <cell r="C1708">
            <v>105820</v>
          </cell>
          <cell r="D1708" t="str">
            <v>目的別自作パソコンパーフェクトマニュアル</v>
          </cell>
          <cell r="E1708">
            <v>1900</v>
          </cell>
          <cell r="F1708" t="str">
            <v>0582-6</v>
          </cell>
          <cell r="G1708">
            <v>11</v>
          </cell>
        </row>
        <row r="1709">
          <cell r="C1709">
            <v>105830</v>
          </cell>
          <cell r="D1709" t="str">
            <v>アフｨリエイトではじめるホームページウハウハ副業生活</v>
          </cell>
          <cell r="E1709">
            <v>1380</v>
          </cell>
          <cell r="F1709" t="str">
            <v>0583-3</v>
          </cell>
          <cell r="G1709">
            <v>11</v>
          </cell>
        </row>
        <row r="1710">
          <cell r="C1710">
            <v>105840</v>
          </cell>
          <cell r="D1710" t="str">
            <v>FP教科書 FP技能士2級・AFP 2004年度版</v>
          </cell>
          <cell r="E1710">
            <v>2800</v>
          </cell>
          <cell r="F1710" t="str">
            <v>0584-0</v>
          </cell>
          <cell r="G1710">
            <v>33</v>
          </cell>
        </row>
        <row r="1711">
          <cell r="C1711">
            <v>105850</v>
          </cell>
          <cell r="D1711" t="str">
            <v>スタイルシートスタイルブック</v>
          </cell>
          <cell r="E1711">
            <v>2200</v>
          </cell>
          <cell r="F1711" t="str">
            <v>0585-7</v>
          </cell>
          <cell r="G1711">
            <v>11</v>
          </cell>
        </row>
        <row r="1712">
          <cell r="C1712">
            <v>105860</v>
          </cell>
          <cell r="D1712" t="str">
            <v>バカ売れオンラインショップの作り方</v>
          </cell>
          <cell r="E1712">
            <v>1400</v>
          </cell>
          <cell r="F1712" t="str">
            <v>0586-4</v>
          </cell>
          <cell r="G1712">
            <v>11</v>
          </cell>
        </row>
        <row r="1713">
          <cell r="C1713">
            <v>105870</v>
          </cell>
          <cell r="D1713" t="str">
            <v>Microsoft Office Visio2003評価導入ガイド</v>
          </cell>
          <cell r="E1713">
            <v>1800</v>
          </cell>
          <cell r="F1713" t="str">
            <v>0587-1</v>
          </cell>
          <cell r="G1713">
            <v>11</v>
          </cell>
        </row>
        <row r="1714">
          <cell r="C1714">
            <v>105890</v>
          </cell>
          <cell r="D1714" t="str">
            <v>MCSE教科書 WindowsServer2003 Network 管理編</v>
          </cell>
          <cell r="E1714">
            <v>3980</v>
          </cell>
          <cell r="F1714" t="str">
            <v>0589-5</v>
          </cell>
          <cell r="G1714">
            <v>11</v>
          </cell>
        </row>
        <row r="1715">
          <cell r="C1715">
            <v>105900</v>
          </cell>
          <cell r="D1715" t="str">
            <v>UML2ハンドブック</v>
          </cell>
          <cell r="E1715">
            <v>2200</v>
          </cell>
          <cell r="F1715" t="str">
            <v>0590-1</v>
          </cell>
          <cell r="G1715">
            <v>21</v>
          </cell>
        </row>
        <row r="1716">
          <cell r="C1716">
            <v>105910</v>
          </cell>
          <cell r="D1716" t="str">
            <v>Googleキーワード2004</v>
          </cell>
          <cell r="E1716">
            <v>1200</v>
          </cell>
          <cell r="F1716" t="str">
            <v>0591-8</v>
          </cell>
          <cell r="G1716">
            <v>33</v>
          </cell>
        </row>
        <row r="1717">
          <cell r="C1717">
            <v>105920</v>
          </cell>
          <cell r="D1717" t="str">
            <v>独習Perl 第2版</v>
          </cell>
          <cell r="E1717">
            <v>2800</v>
          </cell>
          <cell r="F1717" t="str">
            <v>0592-5</v>
          </cell>
          <cell r="G1717">
            <v>11</v>
          </cell>
        </row>
        <row r="1718">
          <cell r="C1718">
            <v>105930</v>
          </cell>
          <cell r="D1718" t="str">
            <v>SQL Server Magazine vol.12</v>
          </cell>
          <cell r="E1718">
            <v>1714</v>
          </cell>
          <cell r="F1718" t="str">
            <v>0593-2</v>
          </cell>
        </row>
        <row r="1719">
          <cell r="C1719">
            <v>105940</v>
          </cell>
          <cell r="D1719" t="str">
            <v>SQL Server Magazine vol.13</v>
          </cell>
          <cell r="E1719">
            <v>1714</v>
          </cell>
          <cell r="F1719" t="str">
            <v>0594-9</v>
          </cell>
          <cell r="G1719">
            <v>33</v>
          </cell>
        </row>
        <row r="1720">
          <cell r="C1720">
            <v>105950</v>
          </cell>
          <cell r="D1720" t="str">
            <v>SQL Server Magazine vol.14</v>
          </cell>
          <cell r="E1720">
            <v>1714</v>
          </cell>
          <cell r="F1720" t="str">
            <v>0595-6</v>
          </cell>
        </row>
        <row r="1721">
          <cell r="C1721">
            <v>105960</v>
          </cell>
          <cell r="D1721" t="str">
            <v>SQL Server Magazine vol.15</v>
          </cell>
          <cell r="E1721">
            <v>1714</v>
          </cell>
          <cell r="F1721" t="str">
            <v>0596-3</v>
          </cell>
          <cell r="G1721">
            <v>33</v>
          </cell>
        </row>
        <row r="1722">
          <cell r="C1722">
            <v>105970</v>
          </cell>
          <cell r="D1722" t="str">
            <v>エンタープライズプロジェクトマネジメント実践ガイド</v>
          </cell>
          <cell r="E1722">
            <v>2800</v>
          </cell>
          <cell r="F1722" t="str">
            <v>0597-0</v>
          </cell>
          <cell r="G1722">
            <v>33</v>
          </cell>
        </row>
        <row r="1723">
          <cell r="C1723">
            <v>105980</v>
          </cell>
          <cell r="D1723" t="str">
            <v>パソコンではじめるマネープラン</v>
          </cell>
          <cell r="E1723">
            <v>1280</v>
          </cell>
          <cell r="F1723" t="str">
            <v>0598-7</v>
          </cell>
          <cell r="G1723">
            <v>11</v>
          </cell>
        </row>
        <row r="1724">
          <cell r="C1724">
            <v>105990</v>
          </cell>
          <cell r="D1724" t="str">
            <v>10日でおぼえる C言語入門教室</v>
          </cell>
          <cell r="E1724">
            <v>2200</v>
          </cell>
          <cell r="F1724" t="str">
            <v>0599-4</v>
          </cell>
          <cell r="G1724">
            <v>11</v>
          </cell>
        </row>
        <row r="1725">
          <cell r="C1725">
            <v>106010</v>
          </cell>
          <cell r="D1725" t="str">
            <v>図解 ネットワーク解体新書</v>
          </cell>
          <cell r="E1725">
            <v>1980</v>
          </cell>
          <cell r="F1725" t="str">
            <v>0601-4</v>
          </cell>
          <cell r="G1725">
            <v>11</v>
          </cell>
        </row>
        <row r="1726">
          <cell r="C1726">
            <v>106020</v>
          </cell>
          <cell r="D1726" t="str">
            <v>Executable UML</v>
          </cell>
          <cell r="E1726">
            <v>3800</v>
          </cell>
          <cell r="F1726" t="str">
            <v>0602-1</v>
          </cell>
          <cell r="G1726">
            <v>11</v>
          </cell>
        </row>
        <row r="1727">
          <cell r="C1727">
            <v>106030</v>
          </cell>
          <cell r="D1727" t="str">
            <v>ITエンジニアのための【業務知識】がわかる本</v>
          </cell>
          <cell r="E1727">
            <v>2400</v>
          </cell>
          <cell r="F1727" t="str">
            <v>0603-8</v>
          </cell>
          <cell r="G1727">
            <v>11</v>
          </cell>
        </row>
        <row r="1728">
          <cell r="C1728">
            <v>106040</v>
          </cell>
          <cell r="D1728" t="str">
            <v>システムアナリスト 平成16年度</v>
          </cell>
          <cell r="E1728">
            <v>3500</v>
          </cell>
          <cell r="F1728" t="str">
            <v>0604-5</v>
          </cell>
          <cell r="G1728">
            <v>33</v>
          </cell>
        </row>
        <row r="1729">
          <cell r="C1729">
            <v>106050</v>
          </cell>
          <cell r="D1729" t="str">
            <v>ブロードバンドVPN構築入門</v>
          </cell>
          <cell r="E1729">
            <v>1880</v>
          </cell>
          <cell r="F1729" t="str">
            <v>0605-2</v>
          </cell>
          <cell r="G1729">
            <v>11</v>
          </cell>
        </row>
        <row r="1730">
          <cell r="C1730">
            <v>106060</v>
          </cell>
          <cell r="D1730" t="str">
            <v>72のキーワードから学ぶ 実践データベース</v>
          </cell>
          <cell r="E1730">
            <v>2280</v>
          </cell>
          <cell r="F1730" t="str">
            <v>0606-9</v>
          </cell>
          <cell r="G1730">
            <v>11</v>
          </cell>
        </row>
        <row r="1731">
          <cell r="C1731">
            <v>106070</v>
          </cell>
          <cell r="D1731" t="str">
            <v>Project Management Professional 試験対策講座2 実践編</v>
          </cell>
          <cell r="E1731">
            <v>58000</v>
          </cell>
          <cell r="F1731" t="str">
            <v>0607-6</v>
          </cell>
          <cell r="G1731">
            <v>36</v>
          </cell>
        </row>
        <row r="1732">
          <cell r="C1732">
            <v>106080</v>
          </cell>
          <cell r="D1732" t="str">
            <v>FireworksMX2004</v>
          </cell>
          <cell r="E1732">
            <v>2400</v>
          </cell>
          <cell r="F1732" t="str">
            <v>0608-3</v>
          </cell>
          <cell r="G1732">
            <v>21</v>
          </cell>
        </row>
        <row r="1733">
          <cell r="C1733">
            <v>106090</v>
          </cell>
          <cell r="D1733" t="str">
            <v>FlashMX2004</v>
          </cell>
          <cell r="E1733">
            <v>2600</v>
          </cell>
          <cell r="F1733" t="str">
            <v>0609-0</v>
          </cell>
          <cell r="G1733">
            <v>21</v>
          </cell>
        </row>
        <row r="1734">
          <cell r="C1734">
            <v>106100</v>
          </cell>
          <cell r="D1734" t="str">
            <v>DreamweaverMX2004</v>
          </cell>
          <cell r="E1734">
            <v>2800</v>
          </cell>
          <cell r="F1734" t="str">
            <v>0610-6</v>
          </cell>
          <cell r="G1734">
            <v>21</v>
          </cell>
        </row>
        <row r="1735">
          <cell r="C1735">
            <v>106110</v>
          </cell>
          <cell r="D1735" t="str">
            <v>FLASH OOP</v>
          </cell>
          <cell r="E1735">
            <v>3800</v>
          </cell>
          <cell r="F1735" t="str">
            <v>0611-3</v>
          </cell>
          <cell r="G1735">
            <v>11</v>
          </cell>
        </row>
        <row r="1736">
          <cell r="C1736">
            <v>106120</v>
          </cell>
          <cell r="D1736" t="str">
            <v>.com Master教科書 .com Master★2004 第7回検定対応</v>
          </cell>
          <cell r="E1736">
            <v>2800</v>
          </cell>
          <cell r="F1736" t="str">
            <v>0612-0</v>
          </cell>
          <cell r="G1736">
            <v>33</v>
          </cell>
        </row>
        <row r="1737">
          <cell r="C1737">
            <v>106130</v>
          </cell>
          <cell r="D1737" t="str">
            <v>.com Master教科書 .com Master★★2004 第7回検定対応</v>
          </cell>
          <cell r="E1737">
            <v>3800</v>
          </cell>
          <cell r="F1737" t="str">
            <v>0613-7</v>
          </cell>
          <cell r="G1737">
            <v>33</v>
          </cell>
        </row>
        <row r="1738">
          <cell r="C1738">
            <v>106140</v>
          </cell>
          <cell r="D1738" t="str">
            <v>Excel2003 関数/数式 完全制覇パーフェクト</v>
          </cell>
          <cell r="E1738">
            <v>3080</v>
          </cell>
          <cell r="F1738" t="str">
            <v>0614-4</v>
          </cell>
          <cell r="G1738">
            <v>11</v>
          </cell>
        </row>
        <row r="1739">
          <cell r="C1739">
            <v>106150</v>
          </cell>
          <cell r="D1739" t="str">
            <v>プロジェクトマネージャ 平成16年度</v>
          </cell>
          <cell r="E1739">
            <v>3000</v>
          </cell>
          <cell r="F1739" t="str">
            <v>0615-1</v>
          </cell>
          <cell r="G1739">
            <v>33</v>
          </cell>
        </row>
        <row r="1740">
          <cell r="C1740">
            <v>106160</v>
          </cell>
          <cell r="D1740" t="str">
            <v>アプリケーションエンジニア 平成16年度</v>
          </cell>
          <cell r="E1740">
            <v>2800</v>
          </cell>
          <cell r="F1740" t="str">
            <v>0616-8</v>
          </cell>
          <cell r="G1740">
            <v>33</v>
          </cell>
        </row>
        <row r="1741">
          <cell r="C1741">
            <v>106170</v>
          </cell>
          <cell r="D1741" t="str">
            <v>AN・PM・AE 共通午前 平成16年度</v>
          </cell>
          <cell r="E1741">
            <v>2200</v>
          </cell>
          <cell r="F1741" t="str">
            <v>0617-5</v>
          </cell>
          <cell r="G1741">
            <v>33</v>
          </cell>
        </row>
        <row r="1742">
          <cell r="C1742">
            <v>106180</v>
          </cell>
          <cell r="D1742" t="str">
            <v>XOOPS入門</v>
          </cell>
          <cell r="E1742">
            <v>2800</v>
          </cell>
          <cell r="F1742" t="str">
            <v>0618-2</v>
          </cell>
          <cell r="G1742">
            <v>11</v>
          </cell>
        </row>
        <row r="1743">
          <cell r="C1743">
            <v>106190</v>
          </cell>
          <cell r="D1743" t="str">
            <v>上級システムアドミニストレータ 2005年度版</v>
          </cell>
          <cell r="E1743">
            <v>3500</v>
          </cell>
          <cell r="F1743" t="str">
            <v>0619-9</v>
          </cell>
          <cell r="G1743">
            <v>33</v>
          </cell>
        </row>
        <row r="1744">
          <cell r="C1744">
            <v>106260</v>
          </cell>
          <cell r="D1744" t="str">
            <v>VB.NETアプリケーション作成のための実践サンプル必要十分777個</v>
          </cell>
          <cell r="E1744">
            <v>3400</v>
          </cell>
          <cell r="F1744" t="str">
            <v>0626-7</v>
          </cell>
          <cell r="G1744">
            <v>11</v>
          </cell>
        </row>
        <row r="1745">
          <cell r="C1745">
            <v>106300</v>
          </cell>
          <cell r="D1745" t="str">
            <v>オラクルマスター教科書 Silver PL/SQLプログラミングOracle9iDatabase</v>
          </cell>
          <cell r="E1745">
            <v>4280</v>
          </cell>
          <cell r="F1745" t="str">
            <v>0630-4</v>
          </cell>
          <cell r="G1745">
            <v>11</v>
          </cell>
        </row>
        <row r="1746">
          <cell r="C1746">
            <v>106310</v>
          </cell>
          <cell r="D1746" t="str">
            <v>美しいCプログラミング見本帖</v>
          </cell>
          <cell r="E1746">
            <v>2400</v>
          </cell>
          <cell r="F1746" t="str">
            <v>0631-1</v>
          </cell>
          <cell r="G1746">
            <v>11</v>
          </cell>
        </row>
        <row r="1747">
          <cell r="C1747">
            <v>106320</v>
          </cell>
          <cell r="D1747" t="str">
            <v>C++プログラミングの処方箋</v>
          </cell>
          <cell r="E1747">
            <v>3200</v>
          </cell>
          <cell r="F1747" t="str">
            <v>0632-8</v>
          </cell>
          <cell r="G1747">
            <v>11</v>
          </cell>
        </row>
        <row r="1748">
          <cell r="C1748">
            <v>106330</v>
          </cell>
          <cell r="D1748" t="str">
            <v>MCSE教科書 問題集WindowsServer2003</v>
          </cell>
          <cell r="E1748">
            <v>2800</v>
          </cell>
          <cell r="F1748" t="str">
            <v>0633-5</v>
          </cell>
          <cell r="G1748">
            <v>11</v>
          </cell>
        </row>
        <row r="1749">
          <cell r="C1749">
            <v>106360</v>
          </cell>
          <cell r="D1749" t="str">
            <v>携帯端末用Web制作バイブル</v>
          </cell>
          <cell r="E1749">
            <v>2980</v>
          </cell>
          <cell r="F1749" t="str">
            <v>0636-6</v>
          </cell>
          <cell r="G1749">
            <v>33</v>
          </cell>
        </row>
        <row r="1750">
          <cell r="C1750">
            <v>106370</v>
          </cell>
          <cell r="D1750" t="str">
            <v>10日でおぼえる SQL入門教室</v>
          </cell>
          <cell r="E1750">
            <v>2400</v>
          </cell>
          <cell r="F1750" t="str">
            <v>0637-3</v>
          </cell>
          <cell r="G1750">
            <v>21</v>
          </cell>
        </row>
        <row r="1751">
          <cell r="C1751">
            <v>106380</v>
          </cell>
          <cell r="D1751" t="str">
            <v>オラクルマスター教科書 問題集 Silver SQL/Oracle入門編Oracle9iDatabase</v>
          </cell>
          <cell r="E1751">
            <v>2800</v>
          </cell>
          <cell r="F1751" t="str">
            <v>0638-0</v>
          </cell>
          <cell r="G1751">
            <v>11</v>
          </cell>
        </row>
        <row r="1752">
          <cell r="C1752">
            <v>106390</v>
          </cell>
          <cell r="D1752" t="str">
            <v>ネットワークアドベンチャーへ出かけよう標準ネットワーク講座基礎編</v>
          </cell>
          <cell r="E1752">
            <v>2380</v>
          </cell>
          <cell r="F1752" t="str">
            <v>0639-7</v>
          </cell>
          <cell r="G1752">
            <v>11</v>
          </cell>
        </row>
        <row r="1753">
          <cell r="C1753">
            <v>106430</v>
          </cell>
          <cell r="D1753" t="str">
            <v>論より現場のJ2EE入門</v>
          </cell>
          <cell r="E1753">
            <v>2400</v>
          </cell>
          <cell r="F1753" t="str">
            <v>0643-4</v>
          </cell>
          <cell r="G1753">
            <v>11</v>
          </cell>
        </row>
        <row r="1754">
          <cell r="C1754">
            <v>106440</v>
          </cell>
          <cell r="D1754" t="str">
            <v>名前だけのITコンサルなんていらない</v>
          </cell>
          <cell r="E1754">
            <v>1580</v>
          </cell>
          <cell r="F1754" t="str">
            <v>0644-1</v>
          </cell>
          <cell r="G1754">
            <v>11</v>
          </cell>
        </row>
        <row r="1755">
          <cell r="C1755">
            <v>106450</v>
          </cell>
          <cell r="D1755" t="str">
            <v>業務モデルとデータモデルの考え方</v>
          </cell>
          <cell r="E1755">
            <v>2400</v>
          </cell>
          <cell r="F1755" t="str">
            <v>0645-8</v>
          </cell>
          <cell r="G1755">
            <v>11</v>
          </cell>
        </row>
        <row r="1756">
          <cell r="C1756">
            <v>106470</v>
          </cell>
          <cell r="D1756" t="str">
            <v>だからウインドウズにするからじゃん</v>
          </cell>
          <cell r="E1756">
            <v>1680</v>
          </cell>
          <cell r="F1756" t="str">
            <v>0647-2</v>
          </cell>
          <cell r="G1756">
            <v>11</v>
          </cell>
        </row>
        <row r="1757">
          <cell r="C1757">
            <v>106490</v>
          </cell>
          <cell r="D1757" t="str">
            <v>行列のできるメルマガ作成入門</v>
          </cell>
          <cell r="E1757">
            <v>1480</v>
          </cell>
          <cell r="F1757" t="str">
            <v>0649-6</v>
          </cell>
          <cell r="G1757">
            <v>11</v>
          </cell>
        </row>
        <row r="1758">
          <cell r="C1758">
            <v>106500</v>
          </cell>
          <cell r="D1758" t="str">
            <v>プロマネの野望</v>
          </cell>
          <cell r="E1758">
            <v>1480</v>
          </cell>
          <cell r="F1758" t="str">
            <v>0650-2</v>
          </cell>
          <cell r="G1758">
            <v>11</v>
          </cell>
        </row>
        <row r="1759">
          <cell r="C1759">
            <v>106510</v>
          </cell>
          <cell r="D1759" t="str">
            <v>情報セキュリティアドミニストレータ午前問題集 平成16年度</v>
          </cell>
          <cell r="E1759">
            <v>1800</v>
          </cell>
          <cell r="F1759" t="str">
            <v>0651-9</v>
          </cell>
          <cell r="G1759">
            <v>33</v>
          </cell>
        </row>
        <row r="1760">
          <cell r="C1760">
            <v>106530</v>
          </cell>
          <cell r="D1760" t="str">
            <v>ネットワーク[テクニカルエンジニア] 平成16年度</v>
          </cell>
          <cell r="E1760">
            <v>2600</v>
          </cell>
          <cell r="F1760" t="str">
            <v>0653-3</v>
          </cell>
          <cell r="G1760">
            <v>33</v>
          </cell>
        </row>
        <row r="1761">
          <cell r="C1761">
            <v>106540</v>
          </cell>
          <cell r="D1761" t="str">
            <v>情報セキュリティアドミニストレータ 平成16年度</v>
          </cell>
          <cell r="E1761">
            <v>2600</v>
          </cell>
          <cell r="F1761" t="str">
            <v>0654-0</v>
          </cell>
          <cell r="G1761">
            <v>33</v>
          </cell>
        </row>
        <row r="1762">
          <cell r="C1762">
            <v>106570</v>
          </cell>
          <cell r="D1762" t="str">
            <v>教科書には載らないニッポンのインターネットの歴史教科書</v>
          </cell>
          <cell r="E1762">
            <v>2380</v>
          </cell>
          <cell r="F1762" t="str">
            <v>0657-1</v>
          </cell>
          <cell r="G1762">
            <v>11</v>
          </cell>
        </row>
        <row r="1763">
          <cell r="C1763">
            <v>106630</v>
          </cell>
          <cell r="D1763" t="str">
            <v>Eclipseモデリングフレームワーク</v>
          </cell>
          <cell r="E1763">
            <v>4800</v>
          </cell>
          <cell r="F1763" t="str">
            <v>0663-2</v>
          </cell>
          <cell r="G1763">
            <v>11</v>
          </cell>
        </row>
        <row r="1764">
          <cell r="C1764">
            <v>106650</v>
          </cell>
          <cell r="D1764" t="str">
            <v>独習XML 第2版</v>
          </cell>
          <cell r="E1764">
            <v>2800</v>
          </cell>
          <cell r="F1764" t="str">
            <v>0665-6</v>
          </cell>
          <cell r="G1764">
            <v>11</v>
          </cell>
        </row>
        <row r="1765">
          <cell r="C1765">
            <v>106660</v>
          </cell>
          <cell r="D1765" t="str">
            <v>PHP+MySQL Web制作ガイド</v>
          </cell>
          <cell r="E1765">
            <v>2800</v>
          </cell>
          <cell r="F1765" t="str">
            <v>0666-3</v>
          </cell>
          <cell r="G1765">
            <v>11</v>
          </cell>
        </row>
        <row r="1766">
          <cell r="C1766">
            <v>106690</v>
          </cell>
          <cell r="D1766" t="str">
            <v>SQLの絵本</v>
          </cell>
          <cell r="E1766">
            <v>1680</v>
          </cell>
          <cell r="F1766" t="str">
            <v>0669-4</v>
          </cell>
          <cell r="G1766">
            <v>11</v>
          </cell>
        </row>
        <row r="1767">
          <cell r="C1767">
            <v>106700</v>
          </cell>
          <cell r="D1767" t="str">
            <v>PMP教科書 問題集 Project Management Professional</v>
          </cell>
          <cell r="E1767">
            <v>3800</v>
          </cell>
          <cell r="F1767" t="str">
            <v>0670-0</v>
          </cell>
          <cell r="G1767">
            <v>33</v>
          </cell>
        </row>
        <row r="1768">
          <cell r="C1768">
            <v>106730</v>
          </cell>
          <cell r="D1768" t="str">
            <v>BEA WebLogic Server構築運用ガイド</v>
          </cell>
          <cell r="E1768">
            <v>4000</v>
          </cell>
          <cell r="F1768" t="str">
            <v>0673-1</v>
          </cell>
          <cell r="G1768">
            <v>21</v>
          </cell>
        </row>
        <row r="1769">
          <cell r="C1769">
            <v>106740</v>
          </cell>
          <cell r="D1769" t="str">
            <v>超入門Javaってなんだろう</v>
          </cell>
          <cell r="E1769">
            <v>1900</v>
          </cell>
          <cell r="F1769" t="str">
            <v>0674-8</v>
          </cell>
          <cell r="G1769">
            <v>11</v>
          </cell>
        </row>
        <row r="1770">
          <cell r="C1770">
            <v>106750</v>
          </cell>
          <cell r="D1770" t="str">
            <v>実践コミュニケーションドキュメント徹底活用</v>
          </cell>
          <cell r="E1770">
            <v>2300</v>
          </cell>
          <cell r="F1770" t="str">
            <v>0675-5</v>
          </cell>
          <cell r="G1770">
            <v>11</v>
          </cell>
        </row>
        <row r="1771">
          <cell r="C1771">
            <v>106790</v>
          </cell>
          <cell r="D1771" t="str">
            <v>オラクルマスター教科書 問題集 Silver DBA1 Oracle9iDatabase</v>
          </cell>
          <cell r="E1771">
            <v>2800</v>
          </cell>
          <cell r="F1771" t="str">
            <v>0679-3</v>
          </cell>
          <cell r="G1771">
            <v>11</v>
          </cell>
        </row>
        <row r="1772">
          <cell r="C1772">
            <v>106800</v>
          </cell>
          <cell r="D1772" t="str">
            <v>FREE CULTURE</v>
          </cell>
          <cell r="E1772">
            <v>2800</v>
          </cell>
          <cell r="F1772" t="str">
            <v>0680-9</v>
          </cell>
          <cell r="G1772">
            <v>11</v>
          </cell>
        </row>
        <row r="1773">
          <cell r="C1773">
            <v>106840</v>
          </cell>
          <cell r="D1773" t="str">
            <v>プログラマ主役型プロジェクトのススメ</v>
          </cell>
          <cell r="E1773">
            <v>1680</v>
          </cell>
          <cell r="F1773" t="str">
            <v>0684-7</v>
          </cell>
          <cell r="G1773">
            <v>11</v>
          </cell>
        </row>
        <row r="1774">
          <cell r="C1774">
            <v>106850</v>
          </cell>
          <cell r="D1774" t="str">
            <v>PMP教科書 直前対策 Project Management Professional</v>
          </cell>
          <cell r="E1774">
            <v>3280</v>
          </cell>
          <cell r="F1774" t="str">
            <v>0685-4</v>
          </cell>
          <cell r="G1774">
            <v>33</v>
          </cell>
        </row>
        <row r="1775">
          <cell r="C1775">
            <v>106860</v>
          </cell>
          <cell r="D1775" t="str">
            <v>フリーターから億万長者へインターネット金策冒険家エイジの小さな旅</v>
          </cell>
          <cell r="E1775">
            <v>1300</v>
          </cell>
          <cell r="F1775" t="str">
            <v>0686-1</v>
          </cell>
          <cell r="G1775">
            <v>11</v>
          </cell>
        </row>
        <row r="1776">
          <cell r="C1776">
            <v>106870</v>
          </cell>
          <cell r="D1776" t="str">
            <v>Cisco技術者認定教科書 問題集 CCNA(試験番号640-801J)</v>
          </cell>
          <cell r="E1776">
            <v>2800</v>
          </cell>
          <cell r="F1776" t="str">
            <v>0687-8</v>
          </cell>
          <cell r="G1776">
            <v>11</v>
          </cell>
        </row>
        <row r="1777">
          <cell r="C1777">
            <v>106880</v>
          </cell>
          <cell r="D1777" t="str">
            <v>Accessでできる手作りデータベースベスト5</v>
          </cell>
          <cell r="E1777">
            <v>2280</v>
          </cell>
          <cell r="F1777" t="str">
            <v>0688-5</v>
          </cell>
          <cell r="G1777">
            <v>11</v>
          </cell>
        </row>
        <row r="1778">
          <cell r="C1778">
            <v>106890</v>
          </cell>
          <cell r="D1778" t="str">
            <v>ヤフオクで落札フィーバー儲かる最新出品テクニック</v>
          </cell>
          <cell r="E1778">
            <v>1400</v>
          </cell>
          <cell r="F1778" t="str">
            <v>0689-2</v>
          </cell>
          <cell r="G1778">
            <v>11</v>
          </cell>
        </row>
        <row r="1779">
          <cell r="C1779">
            <v>106950</v>
          </cell>
          <cell r="D1779" t="str">
            <v>MCSE教科書 WindowsServer2003Server Network 構築編</v>
          </cell>
          <cell r="E1779">
            <v>4580</v>
          </cell>
          <cell r="F1779" t="str">
            <v>0695-3</v>
          </cell>
          <cell r="G1779">
            <v>11</v>
          </cell>
        </row>
        <row r="1780">
          <cell r="C1780">
            <v>106970</v>
          </cell>
          <cell r="D1780" t="str">
            <v>Javaプログラミングの処方箋</v>
          </cell>
          <cell r="E1780">
            <v>3200</v>
          </cell>
          <cell r="F1780" t="str">
            <v>0697-7</v>
          </cell>
          <cell r="G1780">
            <v>11</v>
          </cell>
        </row>
        <row r="1781">
          <cell r="C1781">
            <v>106980</v>
          </cell>
          <cell r="D1781" t="str">
            <v>今すぐ使える!要求定義のチェックポイント427</v>
          </cell>
          <cell r="E1781">
            <v>2400</v>
          </cell>
          <cell r="F1781" t="str">
            <v>0698-4</v>
          </cell>
          <cell r="G1781">
            <v>11</v>
          </cell>
        </row>
        <row r="1782">
          <cell r="C1782">
            <v>106990</v>
          </cell>
          <cell r="D1782" t="str">
            <v>MCSE教科書 WindowsServer2003ActiveDirectory</v>
          </cell>
          <cell r="E1782">
            <v>4800</v>
          </cell>
          <cell r="F1782" t="str">
            <v>0699-1</v>
          </cell>
          <cell r="G1782">
            <v>11</v>
          </cell>
        </row>
        <row r="1783">
          <cell r="C1783">
            <v>107000</v>
          </cell>
          <cell r="D1783" t="str">
            <v>初級システムアドミニストレータ 平成16年度秋期</v>
          </cell>
          <cell r="E1783">
            <v>1480</v>
          </cell>
          <cell r="F1783" t="str">
            <v>0700-4</v>
          </cell>
          <cell r="G1783">
            <v>33</v>
          </cell>
        </row>
        <row r="1784">
          <cell r="C1784">
            <v>107010</v>
          </cell>
          <cell r="D1784" t="str">
            <v>基本情報技術者 平成16年度秋期</v>
          </cell>
          <cell r="E1784">
            <v>1900</v>
          </cell>
          <cell r="F1784" t="str">
            <v>0701-1</v>
          </cell>
          <cell r="G1784">
            <v>33</v>
          </cell>
        </row>
        <row r="1785">
          <cell r="C1785">
            <v>107030</v>
          </cell>
          <cell r="D1785" t="str">
            <v>だれが「音楽」を殺すのか?</v>
          </cell>
          <cell r="E1785">
            <v>1580</v>
          </cell>
          <cell r="F1785" t="str">
            <v>0703-5</v>
          </cell>
          <cell r="G1785">
            <v>11</v>
          </cell>
        </row>
        <row r="1786">
          <cell r="C1786">
            <v>107040</v>
          </cell>
          <cell r="D1786" t="str">
            <v>はてなの本</v>
          </cell>
          <cell r="E1786">
            <v>1680</v>
          </cell>
          <cell r="F1786" t="str">
            <v>0704-2</v>
          </cell>
          <cell r="G1786">
            <v>11</v>
          </cell>
        </row>
        <row r="1787">
          <cell r="C1787">
            <v>107090</v>
          </cell>
          <cell r="D1787" t="str">
            <v>知識ゼロから学ぶソフトウェアテスト</v>
          </cell>
          <cell r="E1787">
            <v>2400</v>
          </cell>
          <cell r="F1787" t="str">
            <v>0709-7</v>
          </cell>
          <cell r="G1787">
            <v>11</v>
          </cell>
        </row>
        <row r="1788">
          <cell r="C1788">
            <v>107100</v>
          </cell>
          <cell r="D1788" t="str">
            <v>世界一やさしいネットワークの本</v>
          </cell>
          <cell r="E1788">
            <v>1480</v>
          </cell>
          <cell r="F1788" t="str">
            <v>0710-3</v>
          </cell>
          <cell r="G1788">
            <v>11</v>
          </cell>
        </row>
        <row r="1789">
          <cell r="C1789">
            <v>107110</v>
          </cell>
          <cell r="D1789" t="str">
            <v>Access2003 完全制覇パーフェクト</v>
          </cell>
          <cell r="E1789">
            <v>3280</v>
          </cell>
          <cell r="F1789" t="str">
            <v>0711-0</v>
          </cell>
          <cell r="G1789">
            <v>11</v>
          </cell>
        </row>
        <row r="1790">
          <cell r="C1790">
            <v>107120</v>
          </cell>
          <cell r="D1790" t="str">
            <v>思考系UMLモデリングエクササイズ</v>
          </cell>
          <cell r="E1790">
            <v>1900</v>
          </cell>
          <cell r="F1790" t="str">
            <v>0712-7</v>
          </cell>
          <cell r="G1790">
            <v>11</v>
          </cell>
        </row>
        <row r="1791">
          <cell r="C1791">
            <v>107130</v>
          </cell>
          <cell r="D1791" t="str">
            <v>孫子に学ぶプロジェクト管理</v>
          </cell>
          <cell r="E1791">
            <v>1880</v>
          </cell>
          <cell r="F1791" t="str">
            <v>0713-4</v>
          </cell>
          <cell r="G1791">
            <v>11</v>
          </cell>
        </row>
        <row r="1792">
          <cell r="C1792">
            <v>107140</v>
          </cell>
          <cell r="D1792" t="str">
            <v>バグがないプログラムのつくり方</v>
          </cell>
          <cell r="E1792">
            <v>2800</v>
          </cell>
          <cell r="F1792" t="str">
            <v>0714-1</v>
          </cell>
          <cell r="G1792">
            <v>11</v>
          </cell>
        </row>
        <row r="1793">
          <cell r="C1793">
            <v>107150</v>
          </cell>
          <cell r="D1793" t="str">
            <v>IT業界図鑑</v>
          </cell>
          <cell r="E1793">
            <v>1600</v>
          </cell>
          <cell r="F1793" t="str">
            <v>0715-8</v>
          </cell>
          <cell r="G1793">
            <v>11</v>
          </cell>
        </row>
        <row r="1794">
          <cell r="C1794">
            <v>107160</v>
          </cell>
          <cell r="D1794" t="str">
            <v>スタイルシートによるレイアウトデザイン見本帖</v>
          </cell>
          <cell r="E1794">
            <v>2500</v>
          </cell>
          <cell r="F1794" t="str">
            <v>0716-5</v>
          </cell>
          <cell r="G1794">
            <v>11</v>
          </cell>
        </row>
        <row r="1795">
          <cell r="C1795">
            <v>107170</v>
          </cell>
          <cell r="D1795" t="str">
            <v>Windowsの共有機能を極める!</v>
          </cell>
          <cell r="E1795">
            <v>1980</v>
          </cell>
          <cell r="F1795" t="str">
            <v>0717-2</v>
          </cell>
          <cell r="G1795">
            <v>11</v>
          </cell>
        </row>
        <row r="1796">
          <cell r="C1796">
            <v>107180</v>
          </cell>
          <cell r="D1796" t="str">
            <v>WindowsXP 完全制覇パーフェクト SP2対応</v>
          </cell>
          <cell r="E1796">
            <v>2580</v>
          </cell>
          <cell r="F1796" t="str">
            <v>0718-9</v>
          </cell>
          <cell r="G1796">
            <v>11</v>
          </cell>
        </row>
        <row r="1797">
          <cell r="C1797">
            <v>107190</v>
          </cell>
          <cell r="D1797" t="str">
            <v>In DesignCS</v>
          </cell>
          <cell r="E1797">
            <v>3200</v>
          </cell>
          <cell r="F1797" t="str">
            <v>0719-6</v>
          </cell>
          <cell r="G1797">
            <v>21</v>
          </cell>
        </row>
        <row r="1798">
          <cell r="C1798">
            <v>107200</v>
          </cell>
          <cell r="D1798" t="str">
            <v>SEのための見積りの基本</v>
          </cell>
          <cell r="E1798">
            <v>2000</v>
          </cell>
          <cell r="F1798" t="str">
            <v>0720-2</v>
          </cell>
          <cell r="G1798">
            <v>11</v>
          </cell>
        </row>
        <row r="1799">
          <cell r="C1799">
            <v>107210</v>
          </cell>
          <cell r="D1799" t="str">
            <v>エンジニアリング・チェーン・マネジメント</v>
          </cell>
          <cell r="E1799">
            <v>2500</v>
          </cell>
          <cell r="F1799" t="str">
            <v>0721-9</v>
          </cell>
          <cell r="G1799">
            <v>11</v>
          </cell>
        </row>
        <row r="1800">
          <cell r="C1800">
            <v>107220</v>
          </cell>
          <cell r="D1800" t="str">
            <v>XML辞典</v>
          </cell>
          <cell r="E1800">
            <v>2400</v>
          </cell>
          <cell r="F1800" t="str">
            <v>0722-6</v>
          </cell>
          <cell r="G1800">
            <v>11</v>
          </cell>
        </row>
        <row r="1801">
          <cell r="C1801">
            <v>107240</v>
          </cell>
          <cell r="D1801" t="str">
            <v>データベースはじめて物語</v>
          </cell>
          <cell r="E1801">
            <v>2200</v>
          </cell>
          <cell r="F1801" t="str">
            <v>0724-0</v>
          </cell>
          <cell r="G1801">
            <v>11</v>
          </cell>
        </row>
        <row r="1802">
          <cell r="C1802">
            <v>107250</v>
          </cell>
          <cell r="D1802" t="str">
            <v>ホームページが楽しくなるアフィリエイト徹底活用術</v>
          </cell>
          <cell r="E1802">
            <v>1600</v>
          </cell>
          <cell r="F1802" t="str">
            <v>0725-7</v>
          </cell>
          <cell r="G1802">
            <v>11</v>
          </cell>
        </row>
        <row r="1803">
          <cell r="C1803">
            <v>107260</v>
          </cell>
          <cell r="D1803" t="str">
            <v>Oracle C/C++実践入門</v>
          </cell>
          <cell r="E1803">
            <v>2400</v>
          </cell>
          <cell r="F1803" t="str">
            <v>0726-4</v>
          </cell>
          <cell r="G1803">
            <v>11</v>
          </cell>
        </row>
        <row r="1804">
          <cell r="C1804">
            <v>107270</v>
          </cell>
          <cell r="D1804" t="str">
            <v>3秒でお客をつかむホームページの作り方</v>
          </cell>
          <cell r="E1804">
            <v>1400</v>
          </cell>
          <cell r="F1804" t="str">
            <v>0727-1</v>
          </cell>
          <cell r="G1804">
            <v>11</v>
          </cell>
        </row>
        <row r="1805">
          <cell r="C1805">
            <v>107300</v>
          </cell>
          <cell r="D1805" t="str">
            <v>Excel2003 VBA辞典</v>
          </cell>
          <cell r="E1805">
            <v>2000</v>
          </cell>
          <cell r="F1805" t="str">
            <v>0730-1</v>
          </cell>
          <cell r="G1805">
            <v>11</v>
          </cell>
        </row>
        <row r="1806">
          <cell r="C1806">
            <v>107310</v>
          </cell>
          <cell r="D1806" t="str">
            <v>PMP教科書 Project Management Professional 第2版</v>
          </cell>
          <cell r="E1806">
            <v>4800</v>
          </cell>
          <cell r="F1806" t="str">
            <v>0731-8</v>
          </cell>
          <cell r="G1806">
            <v>33</v>
          </cell>
        </row>
        <row r="1807">
          <cell r="C1807">
            <v>107320</v>
          </cell>
          <cell r="D1807" t="str">
            <v>10日でおぼえる JSP/サーブレット入門教室 第2版</v>
          </cell>
          <cell r="E1807">
            <v>2800</v>
          </cell>
          <cell r="F1807" t="str">
            <v>0732-5</v>
          </cell>
          <cell r="G1807">
            <v>32</v>
          </cell>
        </row>
        <row r="1808">
          <cell r="C1808">
            <v>107330</v>
          </cell>
          <cell r="D1808" t="str">
            <v>MDAのエッセンス</v>
          </cell>
          <cell r="E1808">
            <v>2800</v>
          </cell>
          <cell r="F1808" t="str">
            <v>0733-2</v>
          </cell>
          <cell r="G1808">
            <v>11</v>
          </cell>
        </row>
        <row r="1809">
          <cell r="C1809">
            <v>107340</v>
          </cell>
          <cell r="D1809" t="str">
            <v>全部無料で儲けるネット副業</v>
          </cell>
          <cell r="E1809">
            <v>1280</v>
          </cell>
          <cell r="F1809" t="str">
            <v>0734-9</v>
          </cell>
          <cell r="G1809">
            <v>11</v>
          </cell>
        </row>
        <row r="1810">
          <cell r="C1810">
            <v>107350</v>
          </cell>
          <cell r="D1810" t="str">
            <v>有名になろう</v>
          </cell>
          <cell r="E1810">
            <v>1280</v>
          </cell>
          <cell r="F1810" t="str">
            <v>0735-6</v>
          </cell>
          <cell r="G1810">
            <v>11</v>
          </cell>
        </row>
        <row r="1811">
          <cell r="C1811">
            <v>107360</v>
          </cell>
          <cell r="D1811" t="str">
            <v>アクセスログ解析の教科書</v>
          </cell>
          <cell r="E1811">
            <v>2200</v>
          </cell>
          <cell r="F1811" t="str">
            <v>0736-3</v>
          </cell>
          <cell r="G1811">
            <v>11</v>
          </cell>
        </row>
        <row r="1812">
          <cell r="C1812">
            <v>107370</v>
          </cell>
          <cell r="D1812" t="str">
            <v>SEのための26の交渉テクニック</v>
          </cell>
          <cell r="E1812">
            <v>2000</v>
          </cell>
          <cell r="F1812" t="str">
            <v>0737-0</v>
          </cell>
          <cell r="G1812">
            <v>11</v>
          </cell>
        </row>
        <row r="1813">
          <cell r="C1813">
            <v>107420</v>
          </cell>
          <cell r="D1813" t="str">
            <v>Cisco技術者認定教科書 CCNP(BCMSN)編642-811J</v>
          </cell>
          <cell r="E1813">
            <v>5280</v>
          </cell>
          <cell r="F1813" t="str">
            <v>0742-4</v>
          </cell>
          <cell r="G1813">
            <v>11</v>
          </cell>
        </row>
        <row r="1814">
          <cell r="C1814">
            <v>107430</v>
          </cell>
          <cell r="D1814" t="str">
            <v>Cisco技術者認定教科書 CCNP(BSCI)編642-801J</v>
          </cell>
          <cell r="E1814">
            <v>5280</v>
          </cell>
          <cell r="F1814" t="str">
            <v>0743-1</v>
          </cell>
          <cell r="G1814">
            <v>11</v>
          </cell>
        </row>
        <row r="1815">
          <cell r="C1815">
            <v>107440</v>
          </cell>
          <cell r="D1815" t="str">
            <v>Apache辞典</v>
          </cell>
          <cell r="E1815">
            <v>2780</v>
          </cell>
          <cell r="F1815" t="str">
            <v>0744-8</v>
          </cell>
          <cell r="G1815">
            <v>11</v>
          </cell>
        </row>
        <row r="1816">
          <cell r="C1816">
            <v>107450</v>
          </cell>
          <cell r="D1816" t="str">
            <v>PowerPoint2003 完全制覇パーフェクト</v>
          </cell>
          <cell r="E1816">
            <v>2980</v>
          </cell>
          <cell r="F1816" t="str">
            <v>0745-5</v>
          </cell>
          <cell r="G1816">
            <v>11</v>
          </cell>
        </row>
        <row r="1817">
          <cell r="C1817">
            <v>107460</v>
          </cell>
          <cell r="D1817" t="str">
            <v>はじめてでもできる高画質DVDのつくり方</v>
          </cell>
          <cell r="E1817">
            <v>1980</v>
          </cell>
          <cell r="F1817" t="str">
            <v>0746-2</v>
          </cell>
          <cell r="G1817">
            <v>11</v>
          </cell>
        </row>
        <row r="1818">
          <cell r="C1818">
            <v>107470</v>
          </cell>
          <cell r="D1818" t="str">
            <v>システム監査技術者 2005年度版</v>
          </cell>
          <cell r="E1818">
            <v>3200</v>
          </cell>
          <cell r="F1818" t="str">
            <v>0747-9</v>
          </cell>
          <cell r="G1818">
            <v>33</v>
          </cell>
        </row>
        <row r="1819">
          <cell r="C1819">
            <v>107480</v>
          </cell>
          <cell r="D1819" t="str">
            <v>Cafe Style Photographer</v>
          </cell>
          <cell r="E1819">
            <v>2200</v>
          </cell>
          <cell r="F1819" t="str">
            <v>0748-6</v>
          </cell>
          <cell r="G1819">
            <v>11</v>
          </cell>
        </row>
        <row r="1820">
          <cell r="C1820">
            <v>107490</v>
          </cell>
          <cell r="D1820" t="str">
            <v>Cisco技術者認定教科書 CCNP(BCRAN)編642-821J</v>
          </cell>
          <cell r="E1820">
            <v>5480</v>
          </cell>
          <cell r="F1820" t="str">
            <v>0749-3</v>
          </cell>
          <cell r="G1820">
            <v>11</v>
          </cell>
        </row>
        <row r="1821">
          <cell r="C1821">
            <v>107540</v>
          </cell>
          <cell r="D1821" t="str">
            <v>使える!SQL Anywhere</v>
          </cell>
          <cell r="E1821">
            <v>3600</v>
          </cell>
          <cell r="F1821" t="str">
            <v>0754-7</v>
          </cell>
          <cell r="G1821">
            <v>11</v>
          </cell>
        </row>
        <row r="1822">
          <cell r="C1822">
            <v>107550</v>
          </cell>
          <cell r="D1822" t="str">
            <v>Symbian OS/C++プログラマのためのNokia Series60アプリケーション開発ガイド</v>
          </cell>
          <cell r="E1822">
            <v>12000</v>
          </cell>
          <cell r="F1822" t="str">
            <v>0755-4</v>
          </cell>
          <cell r="G1822">
            <v>11</v>
          </cell>
        </row>
        <row r="1823">
          <cell r="C1823">
            <v>107560</v>
          </cell>
          <cell r="D1823" t="str">
            <v>プロジェクトマネージャのためUML徹底活用術</v>
          </cell>
          <cell r="E1823">
            <v>2200</v>
          </cell>
          <cell r="F1823" t="str">
            <v>0756-1</v>
          </cell>
          <cell r="G1823">
            <v>11</v>
          </cell>
        </row>
        <row r="1824">
          <cell r="C1824">
            <v>107580</v>
          </cell>
          <cell r="D1824" t="str">
            <v>かんたん!エンタープライズアーキテクチャ</v>
          </cell>
          <cell r="E1824">
            <v>1890</v>
          </cell>
          <cell r="F1824" t="str">
            <v>0758-5</v>
          </cell>
          <cell r="G1824">
            <v>11</v>
          </cell>
        </row>
        <row r="1825">
          <cell r="C1825">
            <v>107590</v>
          </cell>
          <cell r="D1825" t="str">
            <v xml:space="preserve">Excel2003 </v>
          </cell>
          <cell r="E1825">
            <v>1980</v>
          </cell>
          <cell r="F1825" t="str">
            <v>0759-2</v>
          </cell>
          <cell r="G1825">
            <v>11</v>
          </cell>
        </row>
        <row r="1826">
          <cell r="C1826">
            <v>107600</v>
          </cell>
          <cell r="D1826" t="str">
            <v xml:space="preserve">Word2003 </v>
          </cell>
          <cell r="E1826">
            <v>1980</v>
          </cell>
          <cell r="F1826" t="str">
            <v>0760-8</v>
          </cell>
          <cell r="G1826">
            <v>11</v>
          </cell>
        </row>
        <row r="1827">
          <cell r="C1827">
            <v>107620</v>
          </cell>
          <cell r="D1827" t="str">
            <v>独習オブジェクト指向開発</v>
          </cell>
          <cell r="E1827">
            <v>3400</v>
          </cell>
          <cell r="F1827" t="str">
            <v>0762-2</v>
          </cell>
          <cell r="G1827">
            <v>11</v>
          </cell>
        </row>
        <row r="1828">
          <cell r="C1828">
            <v>107630</v>
          </cell>
          <cell r="D1828" t="str">
            <v>独習UML 第3版</v>
          </cell>
          <cell r="E1828">
            <v>3600</v>
          </cell>
          <cell r="F1828" t="str">
            <v>0763-9</v>
          </cell>
          <cell r="G1828">
            <v>11</v>
          </cell>
        </row>
        <row r="1829">
          <cell r="C1829">
            <v>107640</v>
          </cell>
          <cell r="D1829" t="str">
            <v>Pingu大好き2005年年賀状</v>
          </cell>
          <cell r="E1829">
            <v>1000</v>
          </cell>
          <cell r="F1829" t="str">
            <v>0764-6</v>
          </cell>
          <cell r="G1829">
            <v>34</v>
          </cell>
        </row>
        <row r="1830">
          <cell r="C1830">
            <v>107660</v>
          </cell>
          <cell r="D1830" t="str">
            <v>PM magazine vol.001</v>
          </cell>
          <cell r="E1830">
            <v>1680</v>
          </cell>
          <cell r="F1830" t="str">
            <v>0766-0</v>
          </cell>
          <cell r="G1830">
            <v>11</v>
          </cell>
        </row>
        <row r="1831">
          <cell r="C1831">
            <v>107680</v>
          </cell>
          <cell r="D1831" t="str">
            <v>Lepton先生の「ネットワーク技術」勉強会</v>
          </cell>
          <cell r="E1831">
            <v>1780</v>
          </cell>
          <cell r="F1831" t="str">
            <v>0768-4</v>
          </cell>
          <cell r="G1831">
            <v>11</v>
          </cell>
        </row>
        <row r="1832">
          <cell r="C1832">
            <v>107690</v>
          </cell>
          <cell r="D1832" t="str">
            <v>PM magazine vol.002</v>
          </cell>
          <cell r="E1832">
            <v>1680</v>
          </cell>
          <cell r="F1832" t="str">
            <v>0769-1</v>
          </cell>
          <cell r="G1832">
            <v>11</v>
          </cell>
        </row>
        <row r="1833">
          <cell r="C1833">
            <v>107700</v>
          </cell>
          <cell r="D1833" t="str">
            <v>PM magazine vol.003</v>
          </cell>
          <cell r="E1833">
            <v>1680</v>
          </cell>
          <cell r="F1833" t="str">
            <v>0770-7</v>
          </cell>
          <cell r="G1833">
            <v>11</v>
          </cell>
        </row>
        <row r="1834">
          <cell r="C1834">
            <v>107710</v>
          </cell>
          <cell r="D1834" t="str">
            <v>10日でおぼえる Excel関数&amp;マクロ入門教室 2003対応</v>
          </cell>
          <cell r="E1834">
            <v>2800</v>
          </cell>
          <cell r="F1834" t="str">
            <v>0771-4</v>
          </cell>
          <cell r="G1834">
            <v>11</v>
          </cell>
        </row>
        <row r="1835">
          <cell r="C1835">
            <v>107720</v>
          </cell>
          <cell r="D1835" t="str">
            <v>乙女チックデザイン</v>
          </cell>
          <cell r="E1835">
            <v>2600</v>
          </cell>
          <cell r="F1835" t="str">
            <v>0772-1</v>
          </cell>
          <cell r="G1835">
            <v>11</v>
          </cell>
        </row>
        <row r="1836">
          <cell r="C1836">
            <v>107730</v>
          </cell>
          <cell r="D1836" t="str">
            <v>10日でおぼえる Excel VBA入門教室 2003対応</v>
          </cell>
          <cell r="E1836">
            <v>2800</v>
          </cell>
          <cell r="F1836" t="str">
            <v>0773-8</v>
          </cell>
          <cell r="G1836">
            <v>11</v>
          </cell>
        </row>
        <row r="1837">
          <cell r="C1837">
            <v>107740</v>
          </cell>
          <cell r="D1837" t="str">
            <v>Windows印刷トラブル110番!</v>
          </cell>
          <cell r="E1837">
            <v>1500</v>
          </cell>
          <cell r="F1837" t="str">
            <v>0774-5</v>
          </cell>
          <cell r="G1837">
            <v>11</v>
          </cell>
        </row>
        <row r="1838">
          <cell r="C1838">
            <v>107750</v>
          </cell>
          <cell r="D1838" t="str">
            <v>WindowsXP スパテク1001</v>
          </cell>
          <cell r="E1838">
            <v>2280</v>
          </cell>
          <cell r="F1838" t="str">
            <v>0775-2</v>
          </cell>
          <cell r="G1838">
            <v>11</v>
          </cell>
        </row>
        <row r="1839">
          <cell r="C1839">
            <v>107760</v>
          </cell>
          <cell r="D1839" t="str">
            <v>美しいC++プログラミング見本帖</v>
          </cell>
          <cell r="E1839">
            <v>2800</v>
          </cell>
          <cell r="F1839" t="str">
            <v>0776-9</v>
          </cell>
          <cell r="G1839">
            <v>11</v>
          </cell>
        </row>
        <row r="1840">
          <cell r="C1840">
            <v>107770</v>
          </cell>
          <cell r="D1840" t="str">
            <v>テクニカルエンジニア[データベース] 2005年度版</v>
          </cell>
          <cell r="E1840">
            <v>2800</v>
          </cell>
          <cell r="F1840" t="str">
            <v>0777-6</v>
          </cell>
          <cell r="G1840">
            <v>33</v>
          </cell>
        </row>
        <row r="1841">
          <cell r="C1841">
            <v>107780</v>
          </cell>
          <cell r="D1841" t="str">
            <v>ソフトウェア開発技術者 2005年度版</v>
          </cell>
          <cell r="E1841">
            <v>2800</v>
          </cell>
          <cell r="F1841" t="str">
            <v>0778-3</v>
          </cell>
          <cell r="G1841">
            <v>33</v>
          </cell>
        </row>
        <row r="1842">
          <cell r="C1842">
            <v>107790</v>
          </cell>
          <cell r="D1842" t="str">
            <v>MCA教科書 Security</v>
          </cell>
          <cell r="E1842">
            <v>3600</v>
          </cell>
          <cell r="F1842" t="str">
            <v>0779-0</v>
          </cell>
          <cell r="G1842">
            <v>11</v>
          </cell>
        </row>
        <row r="1843">
          <cell r="C1843">
            <v>107800</v>
          </cell>
          <cell r="D1843" t="str">
            <v>手を動かしながら考えるビジネスプラン</v>
          </cell>
          <cell r="E1843">
            <v>2200</v>
          </cell>
          <cell r="F1843" t="str">
            <v>0780-6</v>
          </cell>
          <cell r="G1843">
            <v>11</v>
          </cell>
        </row>
        <row r="1844">
          <cell r="C1844">
            <v>107810</v>
          </cell>
          <cell r="D1844" t="str">
            <v>パソコンマナーの掟</v>
          </cell>
          <cell r="E1844">
            <v>1380</v>
          </cell>
          <cell r="F1844" t="str">
            <v>0781-3</v>
          </cell>
          <cell r="G1844">
            <v>11</v>
          </cell>
        </row>
        <row r="1845">
          <cell r="C1845">
            <v>107830</v>
          </cell>
          <cell r="D1845" t="str">
            <v>最新版これがバカ売れネットショップだ!</v>
          </cell>
          <cell r="E1845">
            <v>1500</v>
          </cell>
          <cell r="F1845" t="str">
            <v>0783-7</v>
          </cell>
          <cell r="G1845">
            <v>11</v>
          </cell>
        </row>
        <row r="1846">
          <cell r="C1846">
            <v>107840</v>
          </cell>
          <cell r="D1846" t="str">
            <v>今日からはじめるインターネットわくわく懸賞生活</v>
          </cell>
          <cell r="E1846">
            <v>1400</v>
          </cell>
          <cell r="F1846" t="str">
            <v>0784-4</v>
          </cell>
          <cell r="G1846">
            <v>11</v>
          </cell>
        </row>
        <row r="1847">
          <cell r="C1847">
            <v>107850</v>
          </cell>
          <cell r="D1847" t="str">
            <v>ウインドウズユーザーのためのちょっとだけMacを使う本</v>
          </cell>
          <cell r="E1847">
            <v>1600</v>
          </cell>
          <cell r="F1847" t="str">
            <v>0785-1</v>
          </cell>
          <cell r="G1847">
            <v>11</v>
          </cell>
        </row>
        <row r="1848">
          <cell r="C1848">
            <v>107860</v>
          </cell>
          <cell r="D1848" t="str">
            <v>ネット＆クレジットカード驚きの激得生活</v>
          </cell>
          <cell r="E1848">
            <v>1380</v>
          </cell>
          <cell r="F1848" t="str">
            <v>0786-8</v>
          </cell>
          <cell r="G1848">
            <v>11</v>
          </cell>
        </row>
        <row r="1849">
          <cell r="C1849">
            <v>107870</v>
          </cell>
          <cell r="D1849" t="str">
            <v>やさしく学ぶ 初級シスアド2005年度版</v>
          </cell>
          <cell r="E1849">
            <v>1480</v>
          </cell>
          <cell r="F1849" t="str">
            <v>0787-5</v>
          </cell>
          <cell r="G1849">
            <v>33</v>
          </cell>
        </row>
        <row r="1850">
          <cell r="C1850">
            <v>107880</v>
          </cell>
          <cell r="D1850" t="str">
            <v>テクニカルエンジニア システム管理 2005年度版</v>
          </cell>
          <cell r="E1850">
            <v>3200</v>
          </cell>
          <cell r="F1850" t="str">
            <v>0788-2</v>
          </cell>
          <cell r="G1850">
            <v>33</v>
          </cell>
        </row>
        <row r="1851">
          <cell r="C1851">
            <v>107890</v>
          </cell>
          <cell r="D1851" t="str">
            <v>.com Master教科書 .com Master★2004 第8回検定対応</v>
          </cell>
          <cell r="E1851">
            <v>2800</v>
          </cell>
          <cell r="F1851" t="str">
            <v>0789-9</v>
          </cell>
          <cell r="G1851">
            <v>33</v>
          </cell>
        </row>
        <row r="1852">
          <cell r="C1852">
            <v>107900</v>
          </cell>
          <cell r="D1852" t="str">
            <v>.com Master教科書 .com Master★★2004 第8回検定対応</v>
          </cell>
          <cell r="E1852">
            <v>3800</v>
          </cell>
          <cell r="F1852" t="str">
            <v>0790-5</v>
          </cell>
          <cell r="G1852">
            <v>33</v>
          </cell>
        </row>
        <row r="1853">
          <cell r="C1853">
            <v>107920</v>
          </cell>
          <cell r="D1853" t="str">
            <v>基本情報技術者 2005年度春期版</v>
          </cell>
          <cell r="E1853">
            <v>1900</v>
          </cell>
          <cell r="F1853" t="str">
            <v>0792-9</v>
          </cell>
          <cell r="G1853">
            <v>33</v>
          </cell>
        </row>
        <row r="1854">
          <cell r="C1854">
            <v>107930</v>
          </cell>
          <cell r="D1854" t="str">
            <v>初級システムアドミニストレータ 2005年度版</v>
          </cell>
          <cell r="E1854">
            <v>1480</v>
          </cell>
          <cell r="F1854" t="str">
            <v>0793-6</v>
          </cell>
          <cell r="G1854">
            <v>33</v>
          </cell>
        </row>
        <row r="1855">
          <cell r="C1855">
            <v>107950</v>
          </cell>
          <cell r="D1855" t="str">
            <v>UMLモデリングのエッセンス 第3版</v>
          </cell>
          <cell r="E1855">
            <v>2400</v>
          </cell>
          <cell r="F1855" t="str">
            <v>0795-0</v>
          </cell>
          <cell r="G1855">
            <v>11</v>
          </cell>
        </row>
        <row r="1856">
          <cell r="C1856">
            <v>107960</v>
          </cell>
          <cell r="D1856" t="str">
            <v>Excel2003 関数辞典</v>
          </cell>
          <cell r="E1856">
            <v>1600</v>
          </cell>
          <cell r="F1856" t="str">
            <v>0796-7</v>
          </cell>
          <cell r="G1856">
            <v>11</v>
          </cell>
        </row>
        <row r="1857">
          <cell r="C1857">
            <v>107970</v>
          </cell>
          <cell r="D1857" t="str">
            <v>独習Java 第3版</v>
          </cell>
          <cell r="E1857">
            <v>3800</v>
          </cell>
          <cell r="F1857" t="str">
            <v>0797-4</v>
          </cell>
          <cell r="G1857">
            <v>11</v>
          </cell>
        </row>
        <row r="1858">
          <cell r="C1858">
            <v>107980</v>
          </cell>
          <cell r="D1858" t="str">
            <v>オラクルマスター教科書 Oracle Database 10g Bronze DBA10g</v>
          </cell>
          <cell r="E1858">
            <v>3800</v>
          </cell>
          <cell r="F1858" t="str">
            <v>0798-1</v>
          </cell>
          <cell r="G1858">
            <v>11</v>
          </cell>
        </row>
        <row r="1859">
          <cell r="C1859">
            <v>107990</v>
          </cell>
          <cell r="D1859" t="str">
            <v>フレームレット:組込みソフトウェアフレームワークの設計と導入</v>
          </cell>
          <cell r="E1859">
            <v>5500</v>
          </cell>
          <cell r="F1859" t="str">
            <v>0799-8</v>
          </cell>
          <cell r="G1859">
            <v>11</v>
          </cell>
        </row>
        <row r="1860">
          <cell r="C1860">
            <v>108000</v>
          </cell>
          <cell r="D1860" t="str">
            <v>発見!!ものづくり魂</v>
          </cell>
          <cell r="E1860">
            <v>1580</v>
          </cell>
          <cell r="F1860" t="str">
            <v>0800-1</v>
          </cell>
          <cell r="G1860">
            <v>11</v>
          </cell>
        </row>
        <row r="1861">
          <cell r="C1861">
            <v>108010</v>
          </cell>
          <cell r="D1861" t="str">
            <v>プロマネは見た</v>
          </cell>
          <cell r="E1861">
            <v>1480</v>
          </cell>
          <cell r="F1861" t="str">
            <v>0801-8</v>
          </cell>
          <cell r="G1861">
            <v>11</v>
          </cell>
        </row>
        <row r="1862">
          <cell r="C1862">
            <v>108020</v>
          </cell>
          <cell r="D1862" t="str">
            <v>ソーシャル・ネットワーキング・サービス 縁の手帖</v>
          </cell>
          <cell r="E1862">
            <v>1580</v>
          </cell>
          <cell r="F1862" t="str">
            <v>0802-5</v>
          </cell>
          <cell r="G1862">
            <v>11</v>
          </cell>
        </row>
        <row r="1863">
          <cell r="C1863">
            <v>108030</v>
          </cell>
          <cell r="D1863" t="str">
            <v>SEのための仕様の基本</v>
          </cell>
          <cell r="E1863">
            <v>2000</v>
          </cell>
          <cell r="F1863" t="str">
            <v>0803-2</v>
          </cell>
          <cell r="G1863">
            <v>11</v>
          </cell>
        </row>
        <row r="1864">
          <cell r="C1864">
            <v>108040</v>
          </cell>
          <cell r="D1864" t="str">
            <v>LaTeX組版ハンドブック</v>
          </cell>
          <cell r="E1864">
            <v>2200</v>
          </cell>
          <cell r="F1864" t="str">
            <v>0804-9</v>
          </cell>
          <cell r="G1864">
            <v>11</v>
          </cell>
        </row>
        <row r="1865">
          <cell r="C1865">
            <v>108050</v>
          </cell>
          <cell r="D1865" t="str">
            <v>全部無料でできる占い大百科</v>
          </cell>
          <cell r="E1865">
            <v>1280</v>
          </cell>
          <cell r="F1865" t="str">
            <v>0805-6</v>
          </cell>
          <cell r="G1865">
            <v>11</v>
          </cell>
        </row>
        <row r="1866">
          <cell r="C1866">
            <v>108060</v>
          </cell>
          <cell r="D1866" t="str">
            <v>日本のSEはこれからどうなるか</v>
          </cell>
          <cell r="E1866">
            <v>1500</v>
          </cell>
          <cell r="F1866" t="str">
            <v>0806-3</v>
          </cell>
          <cell r="G1866">
            <v>11</v>
          </cell>
        </row>
        <row r="1867">
          <cell r="C1867">
            <v>108070</v>
          </cell>
          <cell r="D1867" t="str">
            <v xml:space="preserve">Word2003 Expert </v>
          </cell>
          <cell r="E1867">
            <v>2580</v>
          </cell>
          <cell r="F1867" t="str">
            <v>0807-0</v>
          </cell>
          <cell r="G1867">
            <v>11</v>
          </cell>
        </row>
        <row r="1868">
          <cell r="C1868">
            <v>108080</v>
          </cell>
          <cell r="D1868" t="str">
            <v xml:space="preserve">Excel2003 Expert </v>
          </cell>
          <cell r="E1868">
            <v>2580</v>
          </cell>
          <cell r="F1868" t="str">
            <v>0808-7</v>
          </cell>
          <cell r="G1868">
            <v>11</v>
          </cell>
        </row>
        <row r="1869">
          <cell r="C1869">
            <v>108090</v>
          </cell>
          <cell r="D1869" t="str">
            <v>年収2000万円稼ぐ!ITエンジニアが独立して成功する本</v>
          </cell>
          <cell r="E1869">
            <v>1680</v>
          </cell>
          <cell r="F1869" t="str">
            <v>0809-4</v>
          </cell>
          <cell r="G1869">
            <v>11</v>
          </cell>
        </row>
        <row r="1870">
          <cell r="C1870">
            <v>108100</v>
          </cell>
          <cell r="D1870" t="str">
            <v>CAD教科書 CAD利用技術者試験1級 2005年版</v>
          </cell>
          <cell r="E1870">
            <v>3280</v>
          </cell>
          <cell r="F1870" t="str">
            <v>0810-0</v>
          </cell>
          <cell r="G1870">
            <v>33</v>
          </cell>
        </row>
        <row r="1871">
          <cell r="C1871">
            <v>108110</v>
          </cell>
          <cell r="D1871" t="str">
            <v>CAD教科書 CAD利用技術者試験2級 2005年版</v>
          </cell>
          <cell r="E1871">
            <v>2980</v>
          </cell>
          <cell r="F1871" t="str">
            <v>0811-7</v>
          </cell>
          <cell r="G1871">
            <v>33</v>
          </cell>
        </row>
        <row r="1872">
          <cell r="C1872">
            <v>108130</v>
          </cell>
          <cell r="D1872" t="str">
            <v>ど素人がはじめる株の本</v>
          </cell>
          <cell r="E1872">
            <v>1380</v>
          </cell>
          <cell r="F1872" t="str">
            <v>0813-1</v>
          </cell>
          <cell r="G1872">
            <v>33</v>
          </cell>
        </row>
        <row r="1873">
          <cell r="C1873">
            <v>108140</v>
          </cell>
          <cell r="D1873" t="str">
            <v>悩まない＆つまづかないC言語</v>
          </cell>
          <cell r="E1873">
            <v>2280</v>
          </cell>
          <cell r="F1873" t="str">
            <v>0814-8</v>
          </cell>
          <cell r="G1873">
            <v>11</v>
          </cell>
        </row>
        <row r="1874">
          <cell r="C1874">
            <v>108150</v>
          </cell>
          <cell r="D1874" t="str">
            <v>Java教科書(悩まない＆つまづかない)</v>
          </cell>
          <cell r="E1874">
            <v>2580</v>
          </cell>
          <cell r="F1874" t="str">
            <v>0815-5</v>
          </cell>
          <cell r="G1874">
            <v>11</v>
          </cell>
        </row>
        <row r="1875">
          <cell r="C1875">
            <v>108160</v>
          </cell>
          <cell r="D1875" t="str">
            <v>かんたんパソコン家計簿2005</v>
          </cell>
          <cell r="E1875">
            <v>933</v>
          </cell>
          <cell r="F1875" t="str">
            <v>0816-2</v>
          </cell>
          <cell r="G1875">
            <v>33</v>
          </cell>
        </row>
        <row r="1876">
          <cell r="C1876">
            <v>108190</v>
          </cell>
          <cell r="D1876" t="str">
            <v>今夜わかる TCP/IP</v>
          </cell>
          <cell r="E1876">
            <v>2300</v>
          </cell>
          <cell r="F1876" t="str">
            <v>0819-3</v>
          </cell>
          <cell r="G1876">
            <v>11</v>
          </cell>
        </row>
        <row r="1877">
          <cell r="C1877">
            <v>108200</v>
          </cell>
          <cell r="D1877" t="str">
            <v>今夜わかる HTTP</v>
          </cell>
          <cell r="E1877">
            <v>2400</v>
          </cell>
          <cell r="F1877" t="str">
            <v>0820-9</v>
          </cell>
          <cell r="G1877">
            <v>11</v>
          </cell>
        </row>
        <row r="1878">
          <cell r="C1878">
            <v>108210</v>
          </cell>
          <cell r="D1878" t="str">
            <v>デジタル・ビジネスマナー30の基本</v>
          </cell>
          <cell r="E1878">
            <v>1200</v>
          </cell>
          <cell r="F1878" t="str">
            <v>0821-6</v>
          </cell>
          <cell r="G1878">
            <v>11</v>
          </cell>
        </row>
        <row r="1879">
          <cell r="C1879">
            <v>108230</v>
          </cell>
          <cell r="D1879" t="str">
            <v>デジで本</v>
          </cell>
          <cell r="E1879">
            <v>2480</v>
          </cell>
          <cell r="F1879" t="str">
            <v>0823-0</v>
          </cell>
          <cell r="G1879">
            <v>11</v>
          </cell>
        </row>
        <row r="1880">
          <cell r="C1880">
            <v>108240</v>
          </cell>
          <cell r="D1880" t="str">
            <v>des(デス)マクロメディア特集号</v>
          </cell>
          <cell r="E1880">
            <v>1895</v>
          </cell>
          <cell r="F1880" t="str">
            <v>0824-7</v>
          </cell>
          <cell r="G1880">
            <v>11</v>
          </cell>
        </row>
        <row r="1881">
          <cell r="C1881">
            <v>108250</v>
          </cell>
          <cell r="D1881" t="str">
            <v>FLASH ActionScript辞典 第2版</v>
          </cell>
          <cell r="E1881">
            <v>2500</v>
          </cell>
          <cell r="F1881" t="str">
            <v>0825-4</v>
          </cell>
          <cell r="G1881">
            <v>11</v>
          </cell>
        </row>
        <row r="1882">
          <cell r="C1882">
            <v>108260</v>
          </cell>
          <cell r="D1882" t="str">
            <v>Webデザイナーのための情報アーキテクチャ入門</v>
          </cell>
          <cell r="E1882">
            <v>3500</v>
          </cell>
          <cell r="F1882" t="str">
            <v>0826-1</v>
          </cell>
          <cell r="G1882">
            <v>11</v>
          </cell>
        </row>
        <row r="1883">
          <cell r="C1883">
            <v>108270</v>
          </cell>
          <cell r="D1883" t="str">
            <v>PHP辞典</v>
          </cell>
          <cell r="E1883">
            <v>2400</v>
          </cell>
          <cell r="F1883" t="str">
            <v>0827-8</v>
          </cell>
          <cell r="G1883">
            <v>11</v>
          </cell>
        </row>
        <row r="1884">
          <cell r="C1884">
            <v>108280</v>
          </cell>
          <cell r="D1884" t="str">
            <v>中小企業診断士(独立・開業)バイブル</v>
          </cell>
          <cell r="E1884">
            <v>1680</v>
          </cell>
          <cell r="F1884" t="str">
            <v>0828-5</v>
          </cell>
          <cell r="G1884">
            <v>11</v>
          </cell>
        </row>
        <row r="1885">
          <cell r="C1885">
            <v>108290</v>
          </cell>
          <cell r="D1885" t="str">
            <v>中小企業診断士教科書 最短合格+過去問セレクト[第一次試験] 2005年版</v>
          </cell>
          <cell r="E1885">
            <v>3200</v>
          </cell>
          <cell r="F1885" t="str">
            <v>0829-2</v>
          </cell>
          <cell r="G1885">
            <v>33</v>
          </cell>
        </row>
        <row r="1886">
          <cell r="C1886">
            <v>108300</v>
          </cell>
          <cell r="D1886" t="str">
            <v>Asteria実践ガイド</v>
          </cell>
          <cell r="E1886">
            <v>3200</v>
          </cell>
          <cell r="F1886" t="str">
            <v>0830-8</v>
          </cell>
          <cell r="G1886">
            <v>33</v>
          </cell>
        </row>
        <row r="1887">
          <cell r="C1887">
            <v>108310</v>
          </cell>
          <cell r="D1887" t="str">
            <v>Interstage Master完全対策Developer V6</v>
          </cell>
          <cell r="E1887">
            <v>5500</v>
          </cell>
          <cell r="F1887" t="str">
            <v>0831-5</v>
          </cell>
          <cell r="G1887">
            <v>33</v>
          </cell>
        </row>
        <row r="1888">
          <cell r="C1888">
            <v>108320</v>
          </cell>
          <cell r="D1888" t="str">
            <v>Excel2003 スパテク301</v>
          </cell>
          <cell r="E1888">
            <v>1680</v>
          </cell>
          <cell r="F1888" t="str">
            <v>0832-2</v>
          </cell>
          <cell r="G1888">
            <v>11</v>
          </cell>
        </row>
        <row r="1889">
          <cell r="C1889">
            <v>108330</v>
          </cell>
          <cell r="D1889" t="str">
            <v>図解 インターネット広告</v>
          </cell>
          <cell r="E1889">
            <v>1800</v>
          </cell>
          <cell r="F1889" t="str">
            <v>0833-9</v>
          </cell>
          <cell r="G1889">
            <v>11</v>
          </cell>
        </row>
        <row r="1890">
          <cell r="C1890">
            <v>108340</v>
          </cell>
          <cell r="D1890" t="str">
            <v>アフィリエイト・マーケティング実践マニュアル</v>
          </cell>
          <cell r="E1890">
            <v>1800</v>
          </cell>
          <cell r="F1890" t="str">
            <v>0834-6</v>
          </cell>
          <cell r="G1890">
            <v>11</v>
          </cell>
        </row>
        <row r="1891">
          <cell r="C1891">
            <v>108350</v>
          </cell>
          <cell r="D1891" t="str">
            <v>Excel+Access連携 スパテク390</v>
          </cell>
          <cell r="E1891">
            <v>2580</v>
          </cell>
          <cell r="F1891" t="str">
            <v>0835-3</v>
          </cell>
          <cell r="G1891">
            <v>11</v>
          </cell>
        </row>
        <row r="1892">
          <cell r="C1892">
            <v>108360</v>
          </cell>
          <cell r="D1892" t="str">
            <v>ホームページ・ビルダー9 完全制覇パーフェクト</v>
          </cell>
          <cell r="E1892">
            <v>2680</v>
          </cell>
          <cell r="F1892" t="str">
            <v>0836-0</v>
          </cell>
          <cell r="G1892">
            <v>11</v>
          </cell>
        </row>
        <row r="1893">
          <cell r="C1893">
            <v>108370</v>
          </cell>
          <cell r="D1893" t="str">
            <v>Javaの絵本 増補改訂版</v>
          </cell>
          <cell r="E1893">
            <v>1580</v>
          </cell>
          <cell r="F1893" t="str">
            <v>0837-7</v>
          </cell>
          <cell r="G1893">
            <v>11</v>
          </cell>
        </row>
        <row r="1894">
          <cell r="C1894">
            <v>108380</v>
          </cell>
          <cell r="D1894" t="str">
            <v>ネットビジネス経営講座「売れない理由」の見つけ方</v>
          </cell>
          <cell r="E1894">
            <v>1600</v>
          </cell>
          <cell r="F1894" t="str">
            <v>0838-4</v>
          </cell>
          <cell r="G1894">
            <v>11</v>
          </cell>
        </row>
        <row r="1895">
          <cell r="C1895">
            <v>108390</v>
          </cell>
          <cell r="D1895" t="str">
            <v>企業価値の源泉</v>
          </cell>
          <cell r="E1895">
            <v>2000</v>
          </cell>
          <cell r="F1895" t="str">
            <v>0839-1</v>
          </cell>
          <cell r="G1895">
            <v>11</v>
          </cell>
        </row>
        <row r="1896">
          <cell r="C1896">
            <v>108400</v>
          </cell>
          <cell r="D1896" t="str">
            <v>オラクルマスター教科書 Oracle Database 10g Bronze SQL基礎1編</v>
          </cell>
          <cell r="E1896">
            <v>3800</v>
          </cell>
          <cell r="F1896" t="str">
            <v>0840-7</v>
          </cell>
          <cell r="G1896">
            <v>11</v>
          </cell>
        </row>
        <row r="1897">
          <cell r="C1897">
            <v>108420</v>
          </cell>
          <cell r="D1897" t="str">
            <v>ノベルティ デザイン</v>
          </cell>
          <cell r="E1897">
            <v>2800</v>
          </cell>
          <cell r="F1897" t="str">
            <v>0842-1</v>
          </cell>
          <cell r="G1897">
            <v>11</v>
          </cell>
        </row>
        <row r="1898">
          <cell r="C1898">
            <v>108430</v>
          </cell>
          <cell r="D1898" t="str">
            <v xml:space="preserve">PowerPoint2003 </v>
          </cell>
          <cell r="E1898">
            <v>2800</v>
          </cell>
          <cell r="F1898" t="str">
            <v>0843-8</v>
          </cell>
          <cell r="G1898">
            <v>11</v>
          </cell>
        </row>
        <row r="1899">
          <cell r="C1899">
            <v>108440</v>
          </cell>
          <cell r="D1899" t="str">
            <v xml:space="preserve">Access2003 </v>
          </cell>
          <cell r="E1899">
            <v>2800</v>
          </cell>
          <cell r="F1899" t="str">
            <v>0844-5</v>
          </cell>
          <cell r="G1899">
            <v>11</v>
          </cell>
        </row>
        <row r="1900">
          <cell r="C1900">
            <v>108450</v>
          </cell>
          <cell r="D1900" t="str">
            <v>組込みソフトウェアレポート2005</v>
          </cell>
          <cell r="E1900">
            <v>2300</v>
          </cell>
          <cell r="F1900" t="str">
            <v>0845-2</v>
          </cell>
          <cell r="G1900">
            <v>33</v>
          </cell>
        </row>
        <row r="1901">
          <cell r="C1901">
            <v>108460</v>
          </cell>
          <cell r="D1901" t="str">
            <v>Microsoft Office Visio2003  デベロッパーズバイブル</v>
          </cell>
          <cell r="E1901">
            <v>5800</v>
          </cell>
          <cell r="F1901" t="str">
            <v>0846-9</v>
          </cell>
          <cell r="G1901">
            <v>33</v>
          </cell>
        </row>
        <row r="1902">
          <cell r="C1902">
            <v>108470</v>
          </cell>
          <cell r="D1902" t="str">
            <v>これならわかる C 入門の入門</v>
          </cell>
          <cell r="E1902">
            <v>1600</v>
          </cell>
          <cell r="F1902" t="str">
            <v>0847-6</v>
          </cell>
          <cell r="G1902">
            <v>11</v>
          </cell>
        </row>
        <row r="1903">
          <cell r="C1903">
            <v>108480</v>
          </cell>
          <cell r="D1903" t="str">
            <v>SOAサービス指向アーキテクチャ</v>
          </cell>
          <cell r="E1903">
            <v>2300</v>
          </cell>
          <cell r="F1903" t="str">
            <v>0848-3</v>
          </cell>
          <cell r="G1903">
            <v>11</v>
          </cell>
        </row>
        <row r="1904">
          <cell r="C1904">
            <v>108490</v>
          </cell>
          <cell r="D1904" t="str">
            <v>実務で役立つ WBS入門</v>
          </cell>
          <cell r="E1904">
            <v>2200</v>
          </cell>
          <cell r="F1904" t="str">
            <v>0849-0</v>
          </cell>
          <cell r="G1904">
            <v>11</v>
          </cell>
        </row>
        <row r="1905">
          <cell r="C1905">
            <v>108500</v>
          </cell>
          <cell r="D1905" t="str">
            <v>エンジニア35歳からの転職</v>
          </cell>
          <cell r="E1905">
            <v>1500</v>
          </cell>
          <cell r="F1905" t="str">
            <v>0850-6</v>
          </cell>
          <cell r="G1905">
            <v>11</v>
          </cell>
        </row>
        <row r="1906">
          <cell r="C1906">
            <v>108510</v>
          </cell>
          <cell r="D1906" t="str">
            <v>図解 ネット業界「儲け」のしくみ</v>
          </cell>
          <cell r="E1906">
            <v>1600</v>
          </cell>
          <cell r="F1906" t="str">
            <v>0851-3</v>
          </cell>
          <cell r="G1906">
            <v>11</v>
          </cell>
        </row>
        <row r="1907">
          <cell r="C1907">
            <v>108520</v>
          </cell>
          <cell r="D1907" t="str">
            <v>図解 P2Pビジネス</v>
          </cell>
          <cell r="E1907">
            <v>1800</v>
          </cell>
          <cell r="F1907" t="str">
            <v>0852-0</v>
          </cell>
          <cell r="G1907">
            <v>11</v>
          </cell>
        </row>
        <row r="1908">
          <cell r="C1908">
            <v>108540</v>
          </cell>
          <cell r="D1908" t="str">
            <v>Sambaのすべて</v>
          </cell>
          <cell r="E1908">
            <v>3980</v>
          </cell>
          <cell r="F1908" t="str">
            <v>0854-4</v>
          </cell>
          <cell r="G1908">
            <v>11</v>
          </cell>
        </row>
        <row r="1909">
          <cell r="C1909">
            <v>108550</v>
          </cell>
          <cell r="D1909" t="str">
            <v>これならわかる Java 入門の入門</v>
          </cell>
          <cell r="E1909">
            <v>1600</v>
          </cell>
          <cell r="F1909" t="str">
            <v>0855-1</v>
          </cell>
          <cell r="G1909">
            <v>11</v>
          </cell>
        </row>
        <row r="1910">
          <cell r="C1910">
            <v>108560</v>
          </cell>
          <cell r="D1910" t="str">
            <v>その営業はもう、ホームページにまかせなさい</v>
          </cell>
          <cell r="E1910">
            <v>1400</v>
          </cell>
          <cell r="F1910" t="str">
            <v>0856-8</v>
          </cell>
          <cell r="G1910">
            <v>11</v>
          </cell>
        </row>
        <row r="1911">
          <cell r="C1911">
            <v>108570</v>
          </cell>
          <cell r="D1911" t="str">
            <v>10日でおぼえる PHP5入門教室</v>
          </cell>
          <cell r="E1911">
            <v>2800</v>
          </cell>
          <cell r="F1911" t="str">
            <v>0857-5</v>
          </cell>
          <cell r="G1911">
            <v>11</v>
          </cell>
        </row>
        <row r="1912">
          <cell r="C1912">
            <v>108580</v>
          </cell>
          <cell r="D1912" t="str">
            <v>IT企業のための「個人情報保護法」がわかる本</v>
          </cell>
          <cell r="E1912">
            <v>2400</v>
          </cell>
          <cell r="F1912" t="str">
            <v>0858-2</v>
          </cell>
          <cell r="G1912">
            <v>11</v>
          </cell>
        </row>
        <row r="1913">
          <cell r="C1913">
            <v>108600</v>
          </cell>
          <cell r="D1913" t="str">
            <v>日本人のためのMBA エッセイ インタビュー キャリア対策</v>
          </cell>
          <cell r="E1913">
            <v>5600</v>
          </cell>
          <cell r="F1913" t="str">
            <v>0860-5</v>
          </cell>
          <cell r="G1913">
            <v>11</v>
          </cell>
        </row>
        <row r="1914">
          <cell r="C1914">
            <v>108610</v>
          </cell>
          <cell r="D1914" t="str">
            <v>行政書士教科書 最短合格400の技 2006年版</v>
          </cell>
          <cell r="E1914">
            <v>2800</v>
          </cell>
          <cell r="F1914" t="str">
            <v>0861-2</v>
          </cell>
          <cell r="G1914">
            <v>11</v>
          </cell>
        </row>
        <row r="1915">
          <cell r="C1915">
            <v>108640</v>
          </cell>
          <cell r="D1915" t="str">
            <v>RDBMS解剖学</v>
          </cell>
          <cell r="E1915">
            <v>1980</v>
          </cell>
          <cell r="F1915" t="str">
            <v>0864-3</v>
          </cell>
          <cell r="G1915">
            <v>11</v>
          </cell>
        </row>
        <row r="1916">
          <cell r="C1916">
            <v>108650</v>
          </cell>
          <cell r="D1916" t="str">
            <v>オラクルマスター弱点克服FAQ</v>
          </cell>
          <cell r="E1916">
            <v>2600</v>
          </cell>
          <cell r="F1916" t="str">
            <v>0865-0</v>
          </cell>
          <cell r="G1916">
            <v>11</v>
          </cell>
        </row>
        <row r="1917">
          <cell r="C1917">
            <v>108660</v>
          </cell>
          <cell r="D1917" t="str">
            <v>AN・PM・AE 共通午前 2005年度版</v>
          </cell>
          <cell r="E1917">
            <v>2200</v>
          </cell>
          <cell r="F1917" t="str">
            <v>0866-7</v>
          </cell>
          <cell r="G1917">
            <v>33</v>
          </cell>
        </row>
        <row r="1918">
          <cell r="C1918">
            <v>108670</v>
          </cell>
          <cell r="D1918" t="str">
            <v>ASP.NETでいってみよう</v>
          </cell>
          <cell r="E1918">
            <v>2600</v>
          </cell>
          <cell r="F1918" t="str">
            <v>0867-4</v>
          </cell>
          <cell r="G1918">
            <v>11</v>
          </cell>
        </row>
        <row r="1919">
          <cell r="C1919">
            <v>108680</v>
          </cell>
          <cell r="D1919" t="str">
            <v>プライバシーマーク自社取得術</v>
          </cell>
          <cell r="E1919">
            <v>2400</v>
          </cell>
          <cell r="F1919" t="str">
            <v>0868-1</v>
          </cell>
          <cell r="G1919">
            <v>11</v>
          </cell>
        </row>
        <row r="1920">
          <cell r="C1920">
            <v>108690</v>
          </cell>
          <cell r="D1920" t="str">
            <v>やさしく学ぶ 基本情報技術者2005年～2006年度版</v>
          </cell>
          <cell r="E1920">
            <v>1680</v>
          </cell>
          <cell r="F1920" t="str">
            <v>0869-8</v>
          </cell>
          <cell r="G1920">
            <v>33</v>
          </cell>
        </row>
        <row r="1921">
          <cell r="C1921">
            <v>108700</v>
          </cell>
          <cell r="D1921" t="str">
            <v>超カンタン!最強メディア ブログ!成功バイブル</v>
          </cell>
          <cell r="E1921">
            <v>1380</v>
          </cell>
          <cell r="F1921" t="str">
            <v>0870-4</v>
          </cell>
          <cell r="G1921">
            <v>11</v>
          </cell>
        </row>
        <row r="1922">
          <cell r="C1922">
            <v>108710</v>
          </cell>
          <cell r="D1922" t="str">
            <v>ソフトウェア開発の持つべき文化</v>
          </cell>
          <cell r="E1922">
            <v>3800</v>
          </cell>
          <cell r="F1922" t="str">
            <v>0871-1</v>
          </cell>
          <cell r="G1922">
            <v>11</v>
          </cell>
        </row>
        <row r="1923">
          <cell r="C1923">
            <v>108720</v>
          </cell>
          <cell r="D1923" t="str">
            <v>Java 開発の実用問答集</v>
          </cell>
          <cell r="E1923">
            <v>1980</v>
          </cell>
          <cell r="F1923" t="str">
            <v>0872-8</v>
          </cell>
          <cell r="G1923">
            <v>11</v>
          </cell>
        </row>
        <row r="1924">
          <cell r="C1924">
            <v>108730</v>
          </cell>
          <cell r="D1924" t="str">
            <v>Excel &amp; Word &amp; PowerPoint スパテク369</v>
          </cell>
          <cell r="E1924">
            <v>1980</v>
          </cell>
          <cell r="F1924" t="str">
            <v>0873-5</v>
          </cell>
          <cell r="G1924">
            <v>11</v>
          </cell>
        </row>
        <row r="1925">
          <cell r="C1925">
            <v>108740</v>
          </cell>
          <cell r="D1925" t="str">
            <v>アプリケーションエンジニア 2005年度版</v>
          </cell>
          <cell r="E1925">
            <v>2800</v>
          </cell>
          <cell r="F1925" t="str">
            <v>0874-2</v>
          </cell>
          <cell r="G1925">
            <v>33</v>
          </cell>
        </row>
        <row r="1926">
          <cell r="C1926">
            <v>108750</v>
          </cell>
          <cell r="D1926" t="str">
            <v>システムアナリスト 2005年度版</v>
          </cell>
          <cell r="E1926">
            <v>3500</v>
          </cell>
          <cell r="F1926" t="str">
            <v>0875-9</v>
          </cell>
          <cell r="G1926">
            <v>33</v>
          </cell>
        </row>
        <row r="1927">
          <cell r="C1927">
            <v>108760</v>
          </cell>
          <cell r="D1927" t="str">
            <v>極めるPHP</v>
          </cell>
          <cell r="E1927">
            <v>1680</v>
          </cell>
          <cell r="F1927" t="str">
            <v>0876-6</v>
          </cell>
          <cell r="G1927">
            <v>11</v>
          </cell>
        </row>
        <row r="1928">
          <cell r="C1928">
            <v>108770</v>
          </cell>
          <cell r="D1928" t="str">
            <v>10日でおぼえる Accessデータベース作成入門教室 2003/2002/2000対応</v>
          </cell>
          <cell r="E1928">
            <v>2400</v>
          </cell>
          <cell r="F1928" t="str">
            <v>0877-3</v>
          </cell>
          <cell r="G1928">
            <v>11</v>
          </cell>
        </row>
        <row r="1929">
          <cell r="C1929">
            <v>108780</v>
          </cell>
          <cell r="D1929" t="str">
            <v>プロブレムフレーム</v>
          </cell>
          <cell r="E1929">
            <v>3800</v>
          </cell>
          <cell r="F1929" t="str">
            <v>0878-0</v>
          </cell>
          <cell r="G1929">
            <v>11</v>
          </cell>
        </row>
        <row r="1930">
          <cell r="C1930">
            <v>108790</v>
          </cell>
          <cell r="D1930" t="str">
            <v>ザ・ベスト 有能な人材をいかに確保するか   (ソフトウェア開発の課題2)</v>
          </cell>
          <cell r="E1930">
            <v>3800</v>
          </cell>
          <cell r="F1930" t="str">
            <v>0879-7</v>
          </cell>
          <cell r="G1930">
            <v>11</v>
          </cell>
        </row>
        <row r="1931">
          <cell r="C1931">
            <v>108800</v>
          </cell>
          <cell r="D1931" t="str">
            <v>プロジェクトマネージャ 2005年度版</v>
          </cell>
          <cell r="E1931">
            <v>3000</v>
          </cell>
          <cell r="F1931" t="str">
            <v>0880-3</v>
          </cell>
          <cell r="G1931">
            <v>33</v>
          </cell>
        </row>
        <row r="1932">
          <cell r="C1932">
            <v>108810</v>
          </cell>
          <cell r="D1932" t="str">
            <v>黒崎えり子のおとなネイル</v>
          </cell>
          <cell r="E1932">
            <v>1300</v>
          </cell>
          <cell r="F1932" t="str">
            <v>0881-0</v>
          </cell>
          <cell r="G1932">
            <v>11</v>
          </cell>
        </row>
        <row r="1933">
          <cell r="C1933">
            <v>108830</v>
          </cell>
          <cell r="D1933" t="str">
            <v>Smarty入門</v>
          </cell>
          <cell r="E1933">
            <v>2800</v>
          </cell>
          <cell r="F1933" t="str">
            <v>0883-4</v>
          </cell>
          <cell r="G1933">
            <v>11</v>
          </cell>
        </row>
        <row r="1934">
          <cell r="C1934">
            <v>108840</v>
          </cell>
          <cell r="D1934" t="str">
            <v>情報セキュリティアドミニストレータ 2005年度版</v>
          </cell>
          <cell r="E1934">
            <v>2600</v>
          </cell>
          <cell r="F1934" t="str">
            <v>0884-1</v>
          </cell>
          <cell r="G1934">
            <v>33</v>
          </cell>
        </row>
        <row r="1935">
          <cell r="C1935">
            <v>108850</v>
          </cell>
          <cell r="D1935" t="str">
            <v>アメコミデザイン</v>
          </cell>
          <cell r="E1935">
            <v>2600</v>
          </cell>
          <cell r="F1935" t="str">
            <v>0885-8</v>
          </cell>
          <cell r="G1935">
            <v>11</v>
          </cell>
        </row>
        <row r="1936">
          <cell r="C1936">
            <v>108870</v>
          </cell>
          <cell r="D1936" t="str">
            <v>10日でおぼえる Java入門教室 第2版</v>
          </cell>
          <cell r="E1936">
            <v>2800</v>
          </cell>
          <cell r="F1936" t="str">
            <v>0887-2</v>
          </cell>
          <cell r="G1936">
            <v>11</v>
          </cell>
        </row>
        <row r="1937">
          <cell r="C1937">
            <v>108880</v>
          </cell>
          <cell r="D1937" t="str">
            <v>テクニカルエンジニア[ネットワーク] 2005年度版</v>
          </cell>
          <cell r="E1937">
            <v>2600</v>
          </cell>
          <cell r="F1937" t="str">
            <v>0888-9</v>
          </cell>
          <cell r="G1937">
            <v>33</v>
          </cell>
        </row>
        <row r="1938">
          <cell r="C1938">
            <v>108890</v>
          </cell>
          <cell r="D1938" t="str">
            <v>SEのためのネットワークの基本</v>
          </cell>
          <cell r="E1938">
            <v>2000</v>
          </cell>
          <cell r="F1938" t="str">
            <v>0889-6</v>
          </cell>
          <cell r="G1938">
            <v>11</v>
          </cell>
        </row>
        <row r="1939">
          <cell r="C1939">
            <v>108900</v>
          </cell>
          <cell r="D1939" t="str">
            <v>FP教科書 FP技能士3級・AFP完全攻略ガイド 2005年度版</v>
          </cell>
          <cell r="E1939">
            <v>1600</v>
          </cell>
          <cell r="F1939" t="str">
            <v>0890-2</v>
          </cell>
          <cell r="G1939">
            <v>33</v>
          </cell>
        </row>
        <row r="1940">
          <cell r="C1940">
            <v>108910</v>
          </cell>
          <cell r="D1940" t="str">
            <v>FP教科書 FP技能士2級・AFP完全攻略ガイド 2005年度版</v>
          </cell>
          <cell r="E1940">
            <v>2800</v>
          </cell>
          <cell r="F1940" t="str">
            <v>0891-9</v>
          </cell>
          <cell r="G1940">
            <v>33</v>
          </cell>
        </row>
        <row r="1941">
          <cell r="C1941">
            <v>108920</v>
          </cell>
          <cell r="D1941" t="str">
            <v>Webブランディング成功の法則55</v>
          </cell>
          <cell r="E1941">
            <v>2400</v>
          </cell>
          <cell r="F1941" t="str">
            <v>0892-6</v>
          </cell>
          <cell r="G1941">
            <v>11</v>
          </cell>
        </row>
        <row r="1942">
          <cell r="C1942">
            <v>108930</v>
          </cell>
          <cell r="D1942" t="str">
            <v>C++の絵本</v>
          </cell>
          <cell r="E1942">
            <v>1680</v>
          </cell>
          <cell r="F1942" t="str">
            <v>0893-3</v>
          </cell>
          <cell r="G1942">
            <v>11</v>
          </cell>
        </row>
        <row r="1943">
          <cell r="C1943">
            <v>108940</v>
          </cell>
          <cell r="D1943" t="str">
            <v>基本情報技術者 2005年度秋期版</v>
          </cell>
          <cell r="E1943">
            <v>1900</v>
          </cell>
          <cell r="F1943" t="str">
            <v>0894-0</v>
          </cell>
          <cell r="G1943">
            <v>33</v>
          </cell>
        </row>
        <row r="1944">
          <cell r="C1944">
            <v>108950</v>
          </cell>
          <cell r="D1944" t="str">
            <v>DISC PACKAGE DESIGN(ディスクパッケージデザイン)</v>
          </cell>
          <cell r="E1944">
            <v>2980</v>
          </cell>
          <cell r="F1944" t="str">
            <v>0895-7</v>
          </cell>
          <cell r="G1944">
            <v>11</v>
          </cell>
        </row>
        <row r="1945">
          <cell r="C1945">
            <v>108960</v>
          </cell>
          <cell r="D1945" t="str">
            <v>ユースケースによるアスペクト指向ソフトウェア開発</v>
          </cell>
          <cell r="E1945">
            <v>4500</v>
          </cell>
          <cell r="F1945" t="str">
            <v>0896-4</v>
          </cell>
          <cell r="G1945">
            <v>11</v>
          </cell>
        </row>
        <row r="1946">
          <cell r="C1946">
            <v>108970</v>
          </cell>
          <cell r="D1946" t="str">
            <v>全部無料でつくる はじめてのネットショップ</v>
          </cell>
          <cell r="E1946">
            <v>1480</v>
          </cell>
          <cell r="F1946" t="str">
            <v>0897-1</v>
          </cell>
          <cell r="G1946">
            <v>11</v>
          </cell>
        </row>
        <row r="1947">
          <cell r="C1947">
            <v>108980</v>
          </cell>
          <cell r="D1947" t="str">
            <v>全部無料でつくる はじめてのブログ</v>
          </cell>
          <cell r="E1947">
            <v>1480</v>
          </cell>
          <cell r="F1947" t="str">
            <v>0898-8</v>
          </cell>
          <cell r="G1947">
            <v>11</v>
          </cell>
        </row>
        <row r="1948">
          <cell r="C1948">
            <v>108990</v>
          </cell>
          <cell r="D1948" t="str">
            <v>独りで習うC</v>
          </cell>
          <cell r="E1948">
            <v>2400</v>
          </cell>
          <cell r="F1948" t="str">
            <v>0899-5</v>
          </cell>
          <cell r="G1948">
            <v>11</v>
          </cell>
        </row>
        <row r="1949">
          <cell r="C1949">
            <v>109010</v>
          </cell>
          <cell r="D1949" t="str">
            <v>VBAの絵本</v>
          </cell>
          <cell r="E1949">
            <v>1680</v>
          </cell>
          <cell r="F1949" t="str">
            <v>0901-5</v>
          </cell>
          <cell r="G1949">
            <v>11</v>
          </cell>
        </row>
        <row r="1950">
          <cell r="C1950">
            <v>109020</v>
          </cell>
          <cell r="D1950" t="str">
            <v>Perlの絵本</v>
          </cell>
          <cell r="E1950">
            <v>1680</v>
          </cell>
          <cell r="F1950" t="str">
            <v>0902-2</v>
          </cell>
          <cell r="G1950">
            <v>11</v>
          </cell>
        </row>
        <row r="1951">
          <cell r="C1951">
            <v>109040</v>
          </cell>
          <cell r="D1951" t="str">
            <v>Symbian OS C++ 実践開発技法</v>
          </cell>
          <cell r="E1951">
            <v>6800</v>
          </cell>
          <cell r="F1951" t="str">
            <v>0904-6</v>
          </cell>
          <cell r="G1951">
            <v>11</v>
          </cell>
        </row>
        <row r="1952">
          <cell r="C1952">
            <v>109050</v>
          </cell>
          <cell r="D1952" t="str">
            <v>曖昧性とのたたかい</v>
          </cell>
          <cell r="E1952">
            <v>2400</v>
          </cell>
          <cell r="F1952" t="str">
            <v>0905-3</v>
          </cell>
          <cell r="G1952">
            <v>11</v>
          </cell>
        </row>
        <row r="1953">
          <cell r="C1953">
            <v>109060</v>
          </cell>
          <cell r="D1953" t="str">
            <v>.com Master教科書 .com Master★★2005</v>
          </cell>
          <cell r="E1953">
            <v>3800</v>
          </cell>
          <cell r="F1953" t="str">
            <v>0906-0</v>
          </cell>
          <cell r="G1953">
            <v>33</v>
          </cell>
        </row>
        <row r="1954">
          <cell r="C1954">
            <v>109070</v>
          </cell>
          <cell r="D1954" t="str">
            <v>.com Master教科書 .com Master★2005</v>
          </cell>
          <cell r="E1954">
            <v>2800</v>
          </cell>
          <cell r="F1954" t="str">
            <v>0907-7</v>
          </cell>
          <cell r="G1954">
            <v>33</v>
          </cell>
        </row>
        <row r="1955">
          <cell r="C1955">
            <v>109080</v>
          </cell>
          <cell r="D1955" t="str">
            <v>Debian辞典</v>
          </cell>
          <cell r="E1955">
            <v>2800</v>
          </cell>
          <cell r="F1955" t="str">
            <v>0908-4</v>
          </cell>
          <cell r="G1955">
            <v>11</v>
          </cell>
        </row>
        <row r="1956">
          <cell r="C1956">
            <v>109090</v>
          </cell>
          <cell r="D1956" t="str">
            <v>XMLマスター教科書 ベーシック V2</v>
          </cell>
          <cell r="E1956">
            <v>3200</v>
          </cell>
          <cell r="F1956" t="str">
            <v>0909-1</v>
          </cell>
          <cell r="G1956">
            <v>11</v>
          </cell>
        </row>
        <row r="1957">
          <cell r="C1957">
            <v>109100</v>
          </cell>
          <cell r="D1957" t="str">
            <v>オラクルマスター教科書 Oracle Database 10g Silver DBA10g編</v>
          </cell>
          <cell r="E1957">
            <v>3800</v>
          </cell>
          <cell r="F1957" t="str">
            <v>0910-7</v>
          </cell>
          <cell r="G1957">
            <v>11</v>
          </cell>
        </row>
        <row r="1958">
          <cell r="C1958">
            <v>109110</v>
          </cell>
          <cell r="D1958" t="str">
            <v>Photoshop CS2 完全制覇パーフェクト Windows/Machintosh 対応</v>
          </cell>
          <cell r="E1958">
            <v>2980</v>
          </cell>
          <cell r="F1958" t="str">
            <v>0911-4</v>
          </cell>
          <cell r="G1958">
            <v>11</v>
          </cell>
        </row>
        <row r="1959">
          <cell r="C1959">
            <v>109120</v>
          </cell>
          <cell r="D1959" t="str">
            <v>正規表現辞典</v>
          </cell>
          <cell r="E1959">
            <v>2980</v>
          </cell>
          <cell r="F1959" t="str">
            <v>0912-1</v>
          </cell>
          <cell r="G1959">
            <v>11</v>
          </cell>
        </row>
        <row r="1960">
          <cell r="C1960">
            <v>109130</v>
          </cell>
          <cell r="D1960" t="str">
            <v>ソフトウェア開発技術者 2005年度秋期版</v>
          </cell>
          <cell r="E1960">
            <v>2800</v>
          </cell>
          <cell r="F1960" t="str">
            <v>0913-8</v>
          </cell>
          <cell r="G1960">
            <v>33</v>
          </cell>
        </row>
        <row r="1961">
          <cell r="C1961">
            <v>109150</v>
          </cell>
          <cell r="D1961" t="str">
            <v>XMLマスター教科書 プロフェッショナル V2</v>
          </cell>
          <cell r="E1961">
            <v>4000</v>
          </cell>
          <cell r="F1961" t="str">
            <v>0915-2</v>
          </cell>
          <cell r="G1961">
            <v>11</v>
          </cell>
        </row>
        <row r="1962">
          <cell r="C1962">
            <v>109160</v>
          </cell>
          <cell r="D1962" t="str">
            <v>SEの現場 2005</v>
          </cell>
          <cell r="E1962">
            <v>1500</v>
          </cell>
          <cell r="F1962" t="str">
            <v>0916-9</v>
          </cell>
          <cell r="G1962">
            <v>11</v>
          </cell>
        </row>
        <row r="1963">
          <cell r="C1963">
            <v>109170</v>
          </cell>
          <cell r="D1963" t="str">
            <v>独りで習うJava</v>
          </cell>
          <cell r="E1963">
            <v>2400</v>
          </cell>
          <cell r="F1963" t="str">
            <v>0917-6</v>
          </cell>
          <cell r="G1963">
            <v>11</v>
          </cell>
        </row>
        <row r="1964">
          <cell r="C1964">
            <v>109180</v>
          </cell>
          <cell r="D1964" t="str">
            <v>開発の現場 vol.001</v>
          </cell>
          <cell r="E1964">
            <v>1580</v>
          </cell>
          <cell r="F1964" t="str">
            <v>0918-3</v>
          </cell>
          <cell r="G1964">
            <v>11</v>
          </cell>
        </row>
        <row r="1965">
          <cell r="C1965">
            <v>109190</v>
          </cell>
          <cell r="D1965" t="str">
            <v>手を動かしながら考えるビジネスマネープラン</v>
          </cell>
          <cell r="E1965">
            <v>2200</v>
          </cell>
          <cell r="F1965" t="str">
            <v>0919-0</v>
          </cell>
          <cell r="G1965">
            <v>11</v>
          </cell>
        </row>
        <row r="1966">
          <cell r="C1966">
            <v>109200</v>
          </cell>
          <cell r="D1966" t="str">
            <v>Excel VBA スパテク358 2003/2002/2000対応</v>
          </cell>
          <cell r="E1966">
            <v>2380</v>
          </cell>
          <cell r="F1966" t="str">
            <v>0920-6</v>
          </cell>
          <cell r="G1966">
            <v>11</v>
          </cell>
        </row>
        <row r="1967">
          <cell r="C1967">
            <v>109220</v>
          </cell>
          <cell r="D1967" t="str">
            <v>PukiWiki 入門</v>
          </cell>
          <cell r="E1967">
            <v>2200</v>
          </cell>
          <cell r="F1967" t="str">
            <v>0922-0</v>
          </cell>
          <cell r="G1967">
            <v>11</v>
          </cell>
        </row>
        <row r="1968">
          <cell r="C1968">
            <v>109230</v>
          </cell>
          <cell r="D1968" t="str">
            <v>UNIX シェルスクリプト辞典</v>
          </cell>
          <cell r="E1968">
            <v>2200</v>
          </cell>
          <cell r="F1968" t="str">
            <v>0923-7</v>
          </cell>
          <cell r="G1968">
            <v>11</v>
          </cell>
        </row>
        <row r="1969">
          <cell r="C1969">
            <v>109240</v>
          </cell>
          <cell r="D1969" t="str">
            <v>Excel関数 スパテク333 2003/2002/2000対応</v>
          </cell>
          <cell r="E1969">
            <v>2180</v>
          </cell>
          <cell r="F1969" t="str">
            <v>0924-4</v>
          </cell>
          <cell r="G1969">
            <v>11</v>
          </cell>
        </row>
        <row r="1970">
          <cell r="C1970">
            <v>109250</v>
          </cell>
          <cell r="D1970" t="str">
            <v>図解 ITシステム開発</v>
          </cell>
          <cell r="E1970">
            <v>1800</v>
          </cell>
          <cell r="F1970" t="str">
            <v>0925-1</v>
          </cell>
          <cell r="G1970">
            <v>11</v>
          </cell>
        </row>
        <row r="1971">
          <cell r="C1971">
            <v>109260</v>
          </cell>
          <cell r="D1971" t="str">
            <v>MCP教科書MCDST</v>
          </cell>
          <cell r="E1971">
            <v>3800</v>
          </cell>
          <cell r="F1971" t="str">
            <v>0926-8</v>
          </cell>
          <cell r="G1971">
            <v>11</v>
          </cell>
        </row>
        <row r="1972">
          <cell r="C1972">
            <v>109270</v>
          </cell>
          <cell r="D1972" t="str">
            <v>グラス片手にデータベース設計 会計システム編</v>
          </cell>
          <cell r="E1972">
            <v>2400</v>
          </cell>
          <cell r="F1972" t="str">
            <v>0927-5</v>
          </cell>
          <cell r="G1972">
            <v>11</v>
          </cell>
        </row>
        <row r="1973">
          <cell r="C1973">
            <v>109280</v>
          </cell>
          <cell r="D1973" t="str">
            <v>ホームページ・ビルダーV9 スパテク105Version9/8/7対応</v>
          </cell>
          <cell r="E1973">
            <v>2680</v>
          </cell>
          <cell r="F1973" t="str">
            <v>0928-2</v>
          </cell>
          <cell r="G1973">
            <v>11</v>
          </cell>
        </row>
        <row r="1974">
          <cell r="C1974">
            <v>109290</v>
          </cell>
          <cell r="D1974" t="str">
            <v>門外不出のOracle現場ワザ</v>
          </cell>
          <cell r="E1974">
            <v>2600</v>
          </cell>
          <cell r="F1974" t="str">
            <v>0929-9</v>
          </cell>
          <cell r="G1974">
            <v>11</v>
          </cell>
        </row>
        <row r="1975">
          <cell r="C1975">
            <v>109300</v>
          </cell>
          <cell r="D1975" t="str">
            <v>ダイアグラム別UML徹底活用</v>
          </cell>
          <cell r="E1975">
            <v>2400</v>
          </cell>
          <cell r="F1975" t="str">
            <v>0930-5</v>
          </cell>
          <cell r="G1975">
            <v>11</v>
          </cell>
        </row>
        <row r="1976">
          <cell r="C1976">
            <v>109310</v>
          </cell>
          <cell r="D1976" t="str">
            <v>BIシステム構築実践入門</v>
          </cell>
          <cell r="E1976">
            <v>2300</v>
          </cell>
          <cell r="F1976" t="str">
            <v>0931-2</v>
          </cell>
          <cell r="G1976">
            <v>11</v>
          </cell>
        </row>
        <row r="1977">
          <cell r="C1977">
            <v>109320</v>
          </cell>
          <cell r="D1977" t="str">
            <v>注文の多いJ2EE 料理店</v>
          </cell>
          <cell r="E1977">
            <v>2400</v>
          </cell>
          <cell r="F1977" t="str">
            <v>0932-9</v>
          </cell>
          <cell r="G1977">
            <v>11</v>
          </cell>
        </row>
        <row r="1978">
          <cell r="C1978">
            <v>109330</v>
          </cell>
          <cell r="D1978" t="str">
            <v>UNIXの絵本</v>
          </cell>
          <cell r="E1978">
            <v>1580</v>
          </cell>
          <cell r="F1978" t="str">
            <v>0933-6</v>
          </cell>
          <cell r="G1978">
            <v>11</v>
          </cell>
        </row>
        <row r="1979">
          <cell r="C1979">
            <v>109340</v>
          </cell>
          <cell r="D1979" t="str">
            <v>エンタープライズ統一プロセス</v>
          </cell>
          <cell r="E1979">
            <v>4500</v>
          </cell>
          <cell r="F1979" t="str">
            <v>0934-3</v>
          </cell>
          <cell r="G1979">
            <v>11</v>
          </cell>
        </row>
        <row r="1980">
          <cell r="C1980">
            <v>109380</v>
          </cell>
          <cell r="D1980" t="str">
            <v>これならわかる 不正アクセス対策 入門の入門</v>
          </cell>
          <cell r="E1980">
            <v>1800</v>
          </cell>
          <cell r="F1980" t="str">
            <v>0938-1</v>
          </cell>
          <cell r="G1980">
            <v>11</v>
          </cell>
        </row>
        <row r="1981">
          <cell r="C1981">
            <v>109390</v>
          </cell>
          <cell r="D1981" t="str">
            <v>CentOS徹底入門</v>
          </cell>
          <cell r="E1981">
            <v>3980</v>
          </cell>
          <cell r="F1981" t="str">
            <v>0939-8</v>
          </cell>
          <cell r="G1981">
            <v>11</v>
          </cell>
        </row>
        <row r="1982">
          <cell r="C1982">
            <v>109400</v>
          </cell>
          <cell r="D1982" t="str">
            <v>Perlプログラミング救命病棟</v>
          </cell>
          <cell r="E1982">
            <v>2980</v>
          </cell>
          <cell r="F1982" t="str">
            <v>0940-4</v>
          </cell>
          <cell r="G1982">
            <v>11</v>
          </cell>
        </row>
        <row r="1983">
          <cell r="C1983">
            <v>109410</v>
          </cell>
          <cell r="D1983" t="str">
            <v>今夜わかる メールプロトコル</v>
          </cell>
          <cell r="E1983">
            <v>2500</v>
          </cell>
          <cell r="F1983" t="str">
            <v>0941-1</v>
          </cell>
          <cell r="G1983">
            <v>11</v>
          </cell>
        </row>
        <row r="1984">
          <cell r="C1984">
            <v>109420</v>
          </cell>
          <cell r="D1984" t="str">
            <v>「どこまでOK?」迷ったときのネット著作権ハンドブック</v>
          </cell>
          <cell r="E1984">
            <v>1680</v>
          </cell>
          <cell r="F1984" t="str">
            <v>0942-8</v>
          </cell>
          <cell r="G1984">
            <v>11</v>
          </cell>
        </row>
        <row r="1985">
          <cell r="C1985">
            <v>109430</v>
          </cell>
          <cell r="D1985" t="str">
            <v>SQLite 入門</v>
          </cell>
          <cell r="E1985">
            <v>2800</v>
          </cell>
          <cell r="F1985" t="str">
            <v>0943-5</v>
          </cell>
          <cell r="G1985">
            <v>11</v>
          </cell>
        </row>
        <row r="1986">
          <cell r="C1986">
            <v>109440</v>
          </cell>
          <cell r="D1986" t="str">
            <v>DTP ショートカットキー200 Mac/Win 両対応</v>
          </cell>
          <cell r="E1986">
            <v>1680</v>
          </cell>
          <cell r="F1986" t="str">
            <v>0944-2</v>
          </cell>
          <cell r="G1986">
            <v>11</v>
          </cell>
        </row>
        <row r="1987">
          <cell r="C1987">
            <v>109450</v>
          </cell>
          <cell r="D1987" t="str">
            <v>佐藤まり江のおすすめ株主優待 331徹底ガイド</v>
          </cell>
          <cell r="E1987">
            <v>1000</v>
          </cell>
          <cell r="F1987" t="str">
            <v>0945-9</v>
          </cell>
          <cell r="G1987">
            <v>33</v>
          </cell>
        </row>
        <row r="1988">
          <cell r="C1988">
            <v>109460</v>
          </cell>
          <cell r="D1988" t="str">
            <v>SOA実践のためのBEA WebLogic Platform 活用ガイド</v>
          </cell>
          <cell r="E1988">
            <v>4800</v>
          </cell>
          <cell r="F1988" t="str">
            <v>0946-6</v>
          </cell>
          <cell r="G1988">
            <v>11</v>
          </cell>
        </row>
        <row r="1989">
          <cell r="C1989">
            <v>109470</v>
          </cell>
          <cell r="D1989" t="str">
            <v>編集者・執筆者のための秀丸エディタ超活用術</v>
          </cell>
          <cell r="E1989">
            <v>1980</v>
          </cell>
          <cell r="F1989" t="str">
            <v>0947-3</v>
          </cell>
          <cell r="G1989">
            <v>11</v>
          </cell>
        </row>
        <row r="1990">
          <cell r="C1990">
            <v>109490</v>
          </cell>
          <cell r="D1990" t="str">
            <v>組込みスキル標準ETSS概説書(2005年度版)</v>
          </cell>
          <cell r="E1990">
            <v>300</v>
          </cell>
          <cell r="F1990" t="str">
            <v>0949-7</v>
          </cell>
          <cell r="G1990">
            <v>33</v>
          </cell>
        </row>
        <row r="1991">
          <cell r="C1991">
            <v>109500</v>
          </cell>
          <cell r="D1991" t="str">
            <v>組込みソフトウェア開発における品質向上の勧め(コーディング編)</v>
          </cell>
          <cell r="E1991">
            <v>300</v>
          </cell>
          <cell r="F1991" t="str">
            <v>0950-3</v>
          </cell>
          <cell r="G1991">
            <v>33</v>
          </cell>
        </row>
        <row r="1992">
          <cell r="C1992">
            <v>109510</v>
          </cell>
          <cell r="D1992" t="str">
            <v>組込みソフトウェア開発におけるプロジェクトマネジメント導入の勧め</v>
          </cell>
          <cell r="E1992">
            <v>300</v>
          </cell>
          <cell r="F1992" t="str">
            <v>0951-0</v>
          </cell>
          <cell r="G1992">
            <v>33</v>
          </cell>
        </row>
        <row r="1993">
          <cell r="C1993">
            <v>109520</v>
          </cell>
          <cell r="D1993" t="str">
            <v>2006年 年賀状イラスト素材集</v>
          </cell>
          <cell r="E1993">
            <v>1380</v>
          </cell>
          <cell r="F1993" t="str">
            <v>0952-7</v>
          </cell>
          <cell r="G1993">
            <v>33</v>
          </cell>
        </row>
        <row r="1994">
          <cell r="C1994">
            <v>109530</v>
          </cell>
          <cell r="D1994" t="str">
            <v>パパッと出せる年賀状 2006</v>
          </cell>
          <cell r="E1994">
            <v>530</v>
          </cell>
          <cell r="F1994" t="str">
            <v>0953-4</v>
          </cell>
          <cell r="G1994">
            <v>33</v>
          </cell>
        </row>
        <row r="1995">
          <cell r="C1995">
            <v>109540</v>
          </cell>
          <cell r="D1995" t="str">
            <v>Mac OS X 完全制覇パーフェクト v10.4/10.3/10.2対応</v>
          </cell>
          <cell r="E1995">
            <v>2780</v>
          </cell>
          <cell r="F1995" t="str">
            <v>0954-1</v>
          </cell>
          <cell r="G1995">
            <v>21</v>
          </cell>
        </row>
        <row r="1996">
          <cell r="C1996">
            <v>109550</v>
          </cell>
          <cell r="D1996" t="str">
            <v>独習アセンブラ</v>
          </cell>
          <cell r="E1996">
            <v>3400</v>
          </cell>
          <cell r="F1996" t="str">
            <v>0955-8</v>
          </cell>
          <cell r="G1996">
            <v>11</v>
          </cell>
        </row>
        <row r="1997">
          <cell r="C1997">
            <v>109560</v>
          </cell>
          <cell r="D1997" t="str">
            <v>オラクルマスター教科書 Oracle Database 10g Gold新機能編</v>
          </cell>
          <cell r="E1997">
            <v>5400</v>
          </cell>
          <cell r="F1997" t="str">
            <v>0956-5</v>
          </cell>
          <cell r="G1997">
            <v>11</v>
          </cell>
        </row>
        <row r="1998">
          <cell r="C1998">
            <v>109570</v>
          </cell>
          <cell r="D1998" t="str">
            <v>PostgreSQL8.0徹底入門</v>
          </cell>
          <cell r="E1998">
            <v>3280</v>
          </cell>
          <cell r="F1998" t="str">
            <v>0957-2</v>
          </cell>
          <cell r="G1998">
            <v>11</v>
          </cell>
        </row>
        <row r="1999">
          <cell r="C1999">
            <v>109580</v>
          </cell>
          <cell r="D1999" t="str">
            <v>10日でおぼえる Fedora Core4 サーバ構築・管理入門教室</v>
          </cell>
          <cell r="E1999">
            <v>2800</v>
          </cell>
          <cell r="F1999" t="str">
            <v>0958-9</v>
          </cell>
          <cell r="G1999">
            <v>11</v>
          </cell>
        </row>
        <row r="2000">
          <cell r="C2000">
            <v>109590</v>
          </cell>
          <cell r="D2000" t="str">
            <v>PEAR入門</v>
          </cell>
          <cell r="E2000">
            <v>2800</v>
          </cell>
          <cell r="F2000" t="str">
            <v>0959-6</v>
          </cell>
          <cell r="G2000">
            <v>11</v>
          </cell>
        </row>
        <row r="2001">
          <cell r="C2001">
            <v>109600</v>
          </cell>
          <cell r="D2001" t="str">
            <v>完全無敵のWeb テスト徹底攻略</v>
          </cell>
          <cell r="E2001">
            <v>1380</v>
          </cell>
          <cell r="F2001" t="str">
            <v>0960-2</v>
          </cell>
          <cell r="G2001">
            <v>33</v>
          </cell>
        </row>
        <row r="2002">
          <cell r="C2002">
            <v>109610</v>
          </cell>
          <cell r="D2002" t="str">
            <v>完全無敵の自己分析から面接試験まで徹底攻略</v>
          </cell>
          <cell r="E2002">
            <v>1380</v>
          </cell>
          <cell r="F2002" t="str">
            <v>0961-9</v>
          </cell>
          <cell r="G2002">
            <v>33</v>
          </cell>
        </row>
        <row r="2003">
          <cell r="C2003">
            <v>109620</v>
          </cell>
          <cell r="D2003" t="str">
            <v>完全無敵のSPI・CAB・GAB 徹底攻略</v>
          </cell>
          <cell r="E2003">
            <v>1380</v>
          </cell>
          <cell r="F2003" t="str">
            <v>0962-6</v>
          </cell>
          <cell r="G2003">
            <v>33</v>
          </cell>
        </row>
        <row r="2004">
          <cell r="C2004">
            <v>109630</v>
          </cell>
          <cell r="D2004" t="str">
            <v>はらたいらのパソコンでつくる自分史</v>
          </cell>
          <cell r="E2004">
            <v>1580</v>
          </cell>
          <cell r="F2004" t="str">
            <v>0963-3</v>
          </cell>
          <cell r="G2004">
            <v>11</v>
          </cell>
        </row>
        <row r="2005">
          <cell r="C2005">
            <v>109650</v>
          </cell>
          <cell r="D2005" t="str">
            <v>全部無料で楽しむデジカメ</v>
          </cell>
          <cell r="E2005">
            <v>1380</v>
          </cell>
          <cell r="F2005" t="str">
            <v>0965-7</v>
          </cell>
          <cell r="G2005">
            <v>11</v>
          </cell>
        </row>
        <row r="2006">
          <cell r="C2006">
            <v>109660</v>
          </cell>
          <cell r="D2006" t="str">
            <v>ITアーキテクトになる方法</v>
          </cell>
          <cell r="E2006">
            <v>2200</v>
          </cell>
          <cell r="F2006" t="str">
            <v>0966-4</v>
          </cell>
        </row>
        <row r="2007">
          <cell r="C2007">
            <v>109680</v>
          </cell>
          <cell r="D2007" t="str">
            <v>図解 株式市場とM&amp;A</v>
          </cell>
          <cell r="E2007">
            <v>1600</v>
          </cell>
          <cell r="F2007" t="str">
            <v>0968-8</v>
          </cell>
          <cell r="G2007">
            <v>11</v>
          </cell>
        </row>
        <row r="2008">
          <cell r="C2008">
            <v>109690</v>
          </cell>
          <cell r="D2008" t="str">
            <v>図解 ひとりではじめる起業・独立</v>
          </cell>
          <cell r="E2008">
            <v>1600</v>
          </cell>
          <cell r="F2008" t="str">
            <v>0969-5</v>
          </cell>
          <cell r="G2008">
            <v>11</v>
          </cell>
        </row>
        <row r="2009">
          <cell r="C2009">
            <v>109700</v>
          </cell>
          <cell r="D2009" t="str">
            <v>10日でおぼえる Perl/CGI入門教室 第2版</v>
          </cell>
          <cell r="E2009">
            <v>2800</v>
          </cell>
          <cell r="F2009" t="str">
            <v>0970-1</v>
          </cell>
          <cell r="G2009">
            <v>11</v>
          </cell>
        </row>
        <row r="2010">
          <cell r="C2010">
            <v>109710</v>
          </cell>
          <cell r="D2010" t="str">
            <v>Illustrator CS2 完全制覇パーフェクト</v>
          </cell>
          <cell r="E2010">
            <v>2980</v>
          </cell>
          <cell r="F2010" t="str">
            <v>0971-8</v>
          </cell>
          <cell r="G2010">
            <v>11</v>
          </cell>
        </row>
        <row r="2011">
          <cell r="C2011">
            <v>109720</v>
          </cell>
          <cell r="D2011" t="str">
            <v>自分でパパッと書ける確定申告 平成18年3月15日締切分</v>
          </cell>
          <cell r="E2011">
            <v>1380</v>
          </cell>
          <cell r="F2011" t="str">
            <v>0972-5</v>
          </cell>
          <cell r="G2011">
            <v>33</v>
          </cell>
        </row>
        <row r="2012">
          <cell r="C2012">
            <v>109730</v>
          </cell>
          <cell r="D2012" t="str">
            <v>開発の現場 vol.002</v>
          </cell>
          <cell r="E2012">
            <v>1580</v>
          </cell>
          <cell r="F2012" t="str">
            <v>0973-2</v>
          </cell>
          <cell r="G2012">
            <v>11</v>
          </cell>
        </row>
        <row r="2013">
          <cell r="C2013">
            <v>109740</v>
          </cell>
          <cell r="D2013" t="str">
            <v>開発の現場 vol.003</v>
          </cell>
          <cell r="E2013">
            <v>1580</v>
          </cell>
          <cell r="F2013" t="str">
            <v>0974-9</v>
          </cell>
          <cell r="G2013">
            <v>11</v>
          </cell>
        </row>
        <row r="2014">
          <cell r="C2014">
            <v>109750</v>
          </cell>
          <cell r="D2014" t="str">
            <v>かんたんHappy年賀状 2006</v>
          </cell>
          <cell r="E2014">
            <v>930</v>
          </cell>
          <cell r="F2014" t="str">
            <v>0975-6</v>
          </cell>
          <cell r="G2014">
            <v>33</v>
          </cell>
        </row>
        <row r="2015">
          <cell r="C2015">
            <v>109760</v>
          </cell>
          <cell r="D2015" t="str">
            <v>おしゃれ年賀状 SELECTION 2006</v>
          </cell>
          <cell r="E2015">
            <v>1280</v>
          </cell>
          <cell r="F2015" t="str">
            <v>0976-3</v>
          </cell>
          <cell r="G2015">
            <v>33</v>
          </cell>
        </row>
        <row r="2016">
          <cell r="C2016">
            <v>109790</v>
          </cell>
          <cell r="D2016" t="str">
            <v>Photoshop デザイン便利帳</v>
          </cell>
          <cell r="E2016">
            <v>2100</v>
          </cell>
          <cell r="F2016" t="str">
            <v>0979-4</v>
          </cell>
          <cell r="G2016">
            <v>11</v>
          </cell>
        </row>
        <row r="2017">
          <cell r="C2017">
            <v>109800</v>
          </cell>
          <cell r="D2017" t="str">
            <v>Illustrator デザイン便利帳</v>
          </cell>
          <cell r="E2017">
            <v>2100</v>
          </cell>
          <cell r="F2017" t="str">
            <v>0980-0</v>
          </cell>
          <cell r="G2017">
            <v>11</v>
          </cell>
        </row>
        <row r="2018">
          <cell r="C2018">
            <v>109810</v>
          </cell>
          <cell r="D2018" t="str">
            <v>独習PHP</v>
          </cell>
          <cell r="E2018">
            <v>3200</v>
          </cell>
          <cell r="F2018" t="str">
            <v>0981-7</v>
          </cell>
          <cell r="G2018">
            <v>11</v>
          </cell>
        </row>
        <row r="2019">
          <cell r="C2019">
            <v>109820</v>
          </cell>
          <cell r="D2019" t="str">
            <v>ウォレスとグルミット ポストカードBook</v>
          </cell>
          <cell r="E2019">
            <v>1280</v>
          </cell>
          <cell r="F2019" t="str">
            <v>0982-4</v>
          </cell>
          <cell r="G2019">
            <v>32</v>
          </cell>
        </row>
        <row r="2020">
          <cell r="C2020">
            <v>109830</v>
          </cell>
          <cell r="D2020" t="str">
            <v>UMLモデリング教科書 UMLモデリング L2</v>
          </cell>
          <cell r="E2020">
            <v>3280</v>
          </cell>
          <cell r="F2020" t="str">
            <v>0983-1</v>
          </cell>
          <cell r="G2020">
            <v>11</v>
          </cell>
        </row>
        <row r="2021">
          <cell r="C2021">
            <v>109840</v>
          </cell>
          <cell r="D2021" t="str">
            <v>ITエンジニアのための【PMBOK 2004】がわかる本</v>
          </cell>
          <cell r="E2021">
            <v>2800</v>
          </cell>
          <cell r="F2021" t="str">
            <v>0984-8</v>
          </cell>
          <cell r="G2021">
            <v>11</v>
          </cell>
        </row>
        <row r="2022">
          <cell r="C2022">
            <v>109850</v>
          </cell>
          <cell r="D2022" t="str">
            <v>名人椿正明が教えるデータモデリングの"技"</v>
          </cell>
          <cell r="E2022">
            <v>2480</v>
          </cell>
          <cell r="F2022" t="str">
            <v>0985-5</v>
          </cell>
          <cell r="G2022">
            <v>11</v>
          </cell>
        </row>
        <row r="2023">
          <cell r="C2023">
            <v>109860</v>
          </cell>
          <cell r="D2023" t="str">
            <v>失敗する前に読むプロジェクトマネジメント導入法</v>
          </cell>
          <cell r="E2023">
            <v>2480</v>
          </cell>
          <cell r="F2023" t="str">
            <v>0986-2</v>
          </cell>
          <cell r="G2023">
            <v>11</v>
          </cell>
        </row>
        <row r="2024">
          <cell r="C2024">
            <v>109880</v>
          </cell>
          <cell r="D2024" t="str">
            <v>「儲ける仕組み」は社長が作る</v>
          </cell>
          <cell r="E2024">
            <v>1480</v>
          </cell>
          <cell r="F2024" t="str">
            <v>0988-6</v>
          </cell>
          <cell r="G2024">
            <v>11</v>
          </cell>
        </row>
        <row r="2025">
          <cell r="C2025">
            <v>109890</v>
          </cell>
          <cell r="D2025" t="str">
            <v>SystemCプログラミング基礎講座</v>
          </cell>
          <cell r="E2025">
            <v>3400</v>
          </cell>
          <cell r="F2025" t="str">
            <v>0989-3</v>
          </cell>
          <cell r="G2025">
            <v>11</v>
          </cell>
        </row>
        <row r="2026">
          <cell r="C2026">
            <v>109910</v>
          </cell>
          <cell r="D2026" t="str">
            <v>PMP教科書 Project Management Professional 第3版</v>
          </cell>
          <cell r="E2026">
            <v>4800</v>
          </cell>
          <cell r="F2026" t="str">
            <v>0991-6</v>
          </cell>
          <cell r="G2026">
            <v>11</v>
          </cell>
        </row>
        <row r="2027">
          <cell r="C2027">
            <v>109920</v>
          </cell>
          <cell r="D2027" t="str">
            <v>C++プライマー第4版</v>
          </cell>
          <cell r="E2027">
            <v>7200</v>
          </cell>
          <cell r="F2027" t="str">
            <v>0992-3</v>
          </cell>
          <cell r="G2027">
            <v>11</v>
          </cell>
        </row>
        <row r="2028">
          <cell r="C2028">
            <v>109940</v>
          </cell>
          <cell r="D2028" t="str">
            <v>ITエンジニアのための【論理思考】がわかる本</v>
          </cell>
          <cell r="E2028">
            <v>2200</v>
          </cell>
          <cell r="F2028" t="str">
            <v>0994-7</v>
          </cell>
          <cell r="G2028">
            <v>11</v>
          </cell>
        </row>
        <row r="2029">
          <cell r="C2029">
            <v>109950</v>
          </cell>
          <cell r="D2029" t="str">
            <v>かんたんパソコン家計簿2006</v>
          </cell>
          <cell r="E2029">
            <v>780</v>
          </cell>
          <cell r="F2029" t="str">
            <v>0995-4</v>
          </cell>
          <cell r="G2029">
            <v>33</v>
          </cell>
        </row>
        <row r="2030">
          <cell r="C2030">
            <v>109960</v>
          </cell>
          <cell r="D2030" t="str">
            <v>ビジネスマンのための最新IT知識</v>
          </cell>
          <cell r="E2030">
            <v>2000</v>
          </cell>
          <cell r="F2030" t="str">
            <v>0996-1</v>
          </cell>
          <cell r="G2030">
            <v>11</v>
          </cell>
        </row>
        <row r="2031">
          <cell r="C2031">
            <v>109970</v>
          </cell>
          <cell r="D2031" t="str">
            <v>図解 ブログ・マーケティング</v>
          </cell>
          <cell r="E2031">
            <v>1600</v>
          </cell>
          <cell r="F2031" t="str">
            <v>0997-8</v>
          </cell>
          <cell r="G2031">
            <v>11</v>
          </cell>
        </row>
        <row r="2032">
          <cell r="C2032">
            <v>109980</v>
          </cell>
          <cell r="D2032" t="str">
            <v>PM magazine vol.004</v>
          </cell>
          <cell r="E2032">
            <v>1680</v>
          </cell>
          <cell r="F2032" t="str">
            <v>0998-5</v>
          </cell>
          <cell r="G2032">
            <v>11</v>
          </cell>
        </row>
        <row r="2033">
          <cell r="C2033">
            <v>109990</v>
          </cell>
          <cell r="D2033" t="str">
            <v>PM magazine ｖol.005</v>
          </cell>
          <cell r="E2033">
            <v>1680</v>
          </cell>
          <cell r="F2033" t="str">
            <v>0999-2</v>
          </cell>
          <cell r="G2033">
            <v>11</v>
          </cell>
        </row>
        <row r="2034">
          <cell r="C2034">
            <v>110000</v>
          </cell>
          <cell r="D2034" t="str">
            <v>PM magazine vol.006</v>
          </cell>
          <cell r="E2034">
            <v>1680</v>
          </cell>
          <cell r="F2034" t="str">
            <v>1000-4</v>
          </cell>
          <cell r="G2034">
            <v>11</v>
          </cell>
        </row>
        <row r="2035">
          <cell r="C2035">
            <v>110010</v>
          </cell>
          <cell r="D2035" t="str">
            <v>基礎編 第2版</v>
          </cell>
          <cell r="E2035">
            <v>2200</v>
          </cell>
          <cell r="F2035" t="str">
            <v>1001-1</v>
          </cell>
          <cell r="G2035">
            <v>11</v>
          </cell>
        </row>
        <row r="2036">
          <cell r="C2036">
            <v>110030</v>
          </cell>
          <cell r="D2036" t="str">
            <v>デジタル音楽の行方</v>
          </cell>
          <cell r="E2036">
            <v>1900</v>
          </cell>
          <cell r="F2036" t="str">
            <v>1003-5</v>
          </cell>
          <cell r="G2036">
            <v>11</v>
          </cell>
        </row>
        <row r="2037">
          <cell r="C2037">
            <v>110040</v>
          </cell>
          <cell r="D2037" t="str">
            <v>リアルタイム組込みOS基礎講座</v>
          </cell>
          <cell r="E2037">
            <v>3400</v>
          </cell>
          <cell r="F2037" t="str">
            <v>1004-2</v>
          </cell>
          <cell r="G2037">
            <v>11</v>
          </cell>
        </row>
        <row r="2038">
          <cell r="C2038">
            <v>110050</v>
          </cell>
          <cell r="D2038" t="str">
            <v>ITエンジニアのための【法律】がわかる本</v>
          </cell>
          <cell r="E2038">
            <v>2400</v>
          </cell>
          <cell r="F2038" t="str">
            <v>1005-9</v>
          </cell>
          <cell r="G2038">
            <v>11</v>
          </cell>
        </row>
        <row r="2039">
          <cell r="C2039">
            <v>110060</v>
          </cell>
          <cell r="D2039" t="str">
            <v>テクニカルエンジニア[データベース] 2006年度版</v>
          </cell>
          <cell r="E2039">
            <v>2800</v>
          </cell>
          <cell r="F2039" t="str">
            <v>1006-6</v>
          </cell>
          <cell r="G2039">
            <v>33</v>
          </cell>
        </row>
        <row r="2040">
          <cell r="C2040">
            <v>110070</v>
          </cell>
          <cell r="D2040" t="str">
            <v>組込みソフトウェアレポート2006</v>
          </cell>
          <cell r="E2040">
            <v>2300</v>
          </cell>
          <cell r="F2040" t="str">
            <v>1007-3</v>
          </cell>
          <cell r="G2040">
            <v>11</v>
          </cell>
        </row>
        <row r="2041">
          <cell r="C2041">
            <v>110080</v>
          </cell>
          <cell r="D2041" t="str">
            <v>これならわかる サーバ 入門の入門</v>
          </cell>
          <cell r="E2041">
            <v>1500</v>
          </cell>
          <cell r="F2041" t="str">
            <v>1008-0</v>
          </cell>
          <cell r="G2041">
            <v>11</v>
          </cell>
        </row>
        <row r="2042">
          <cell r="C2042">
            <v>110090</v>
          </cell>
          <cell r="D2042" t="str">
            <v>メルマガ×ブログ×ホームページで儲かるしくみをつくる本</v>
          </cell>
          <cell r="E2042">
            <v>1500</v>
          </cell>
          <cell r="F2042" t="str">
            <v>1009-7</v>
          </cell>
          <cell r="G2042">
            <v>11</v>
          </cell>
        </row>
        <row r="2043">
          <cell r="C2043">
            <v>110100</v>
          </cell>
          <cell r="D2043" t="str">
            <v>システム監査技術者 2006年度版</v>
          </cell>
          <cell r="E2043">
            <v>3200</v>
          </cell>
          <cell r="F2043" t="str">
            <v>1010-3</v>
          </cell>
          <cell r="G2043">
            <v>33</v>
          </cell>
        </row>
        <row r="2044">
          <cell r="C2044">
            <v>110110</v>
          </cell>
          <cell r="D2044" t="str">
            <v>テクニカルエンジニア[システム管理] 2006年度版</v>
          </cell>
          <cell r="E2044">
            <v>3200</v>
          </cell>
          <cell r="F2044" t="str">
            <v>1011-0</v>
          </cell>
          <cell r="G2044">
            <v>33</v>
          </cell>
        </row>
        <row r="2045">
          <cell r="C2045">
            <v>110120</v>
          </cell>
          <cell r="D2045" t="str">
            <v>SUN教科書 Java アソシエイツ(SJC-A)試験番号310-019</v>
          </cell>
          <cell r="E2045">
            <v>3200</v>
          </cell>
          <cell r="F2045" t="str">
            <v>1012-7</v>
          </cell>
          <cell r="G2045">
            <v>11</v>
          </cell>
        </row>
        <row r="2046">
          <cell r="C2046">
            <v>110130</v>
          </cell>
          <cell r="D2046" t="str">
            <v>社労士教科書 最短合格 300の技【労働保険】編 2006年版</v>
          </cell>
          <cell r="E2046">
            <v>2600</v>
          </cell>
          <cell r="F2046" t="str">
            <v>1013-4</v>
          </cell>
          <cell r="G2046">
            <v>33</v>
          </cell>
        </row>
        <row r="2047">
          <cell r="C2047">
            <v>110140</v>
          </cell>
          <cell r="D2047" t="str">
            <v>社労士教科書 最短合格 300の技【社会保険】編 2006年版</v>
          </cell>
          <cell r="E2047">
            <v>2600</v>
          </cell>
          <cell r="F2047" t="str">
            <v>1014-1</v>
          </cell>
          <cell r="G2047">
            <v>33</v>
          </cell>
        </row>
        <row r="2048">
          <cell r="C2048">
            <v>110150</v>
          </cell>
          <cell r="D2048" t="str">
            <v>目的別・自作パソコン マスターガイド</v>
          </cell>
          <cell r="E2048">
            <v>1900</v>
          </cell>
          <cell r="F2048" t="str">
            <v>1015-8</v>
          </cell>
          <cell r="G2048">
            <v>11</v>
          </cell>
        </row>
        <row r="2049">
          <cell r="C2049">
            <v>110160</v>
          </cell>
          <cell r="D2049" t="str">
            <v>Acrobat7+PDFスパテク315 7/6対応</v>
          </cell>
          <cell r="E2049">
            <v>2580</v>
          </cell>
          <cell r="F2049" t="str">
            <v>1016-5</v>
          </cell>
          <cell r="G2049">
            <v>11</v>
          </cell>
        </row>
        <row r="2050">
          <cell r="C2050">
            <v>110170</v>
          </cell>
          <cell r="D2050" t="str">
            <v>ITエンジニアのための【業界知識】がわかる本</v>
          </cell>
          <cell r="E2050">
            <v>2400</v>
          </cell>
          <cell r="F2050" t="str">
            <v>1017-2</v>
          </cell>
          <cell r="G2050">
            <v>11</v>
          </cell>
        </row>
        <row r="2051">
          <cell r="C2051">
            <v>110180</v>
          </cell>
          <cell r="D2051" t="str">
            <v>SQL Anywhere Studio 9 デベロッパーズガイド</v>
          </cell>
          <cell r="E2051">
            <v>6800</v>
          </cell>
          <cell r="F2051" t="str">
            <v>1018-9</v>
          </cell>
          <cell r="G2051">
            <v>21</v>
          </cell>
        </row>
        <row r="2052">
          <cell r="C2052">
            <v>110190</v>
          </cell>
          <cell r="D2052" t="str">
            <v>ポッドキャスティング入門</v>
          </cell>
          <cell r="E2052">
            <v>2000</v>
          </cell>
          <cell r="F2052" t="str">
            <v>1019-6</v>
          </cell>
          <cell r="G2052">
            <v>11</v>
          </cell>
        </row>
        <row r="2053">
          <cell r="C2053">
            <v>110200</v>
          </cell>
          <cell r="D2053" t="str">
            <v>アルファブロガー</v>
          </cell>
          <cell r="E2053">
            <v>1500</v>
          </cell>
          <cell r="F2053" t="str">
            <v>1020-2</v>
          </cell>
          <cell r="G2053">
            <v>11</v>
          </cell>
        </row>
        <row r="2054">
          <cell r="C2054">
            <v>110210</v>
          </cell>
          <cell r="D2054" t="str">
            <v>完全まるわかり読本 ネット業界・企業</v>
          </cell>
          <cell r="E2054">
            <v>1380</v>
          </cell>
          <cell r="F2054" t="str">
            <v>1021-9</v>
          </cell>
          <cell r="G2054">
            <v>11</v>
          </cell>
        </row>
        <row r="2055">
          <cell r="C2055">
            <v>110220</v>
          </cell>
          <cell r="D2055" t="str">
            <v>初級システムアドミニストレータ 2006年度版</v>
          </cell>
          <cell r="E2055">
            <v>1480</v>
          </cell>
          <cell r="F2055" t="str">
            <v>1022-6</v>
          </cell>
          <cell r="G2055">
            <v>33</v>
          </cell>
        </row>
        <row r="2056">
          <cell r="C2056">
            <v>110230</v>
          </cell>
          <cell r="D2056" t="str">
            <v>基本情報技術者 2006年度[春期]版</v>
          </cell>
          <cell r="E2056">
            <v>1900</v>
          </cell>
          <cell r="F2056" t="str">
            <v>1023-3</v>
          </cell>
          <cell r="G2056">
            <v>33</v>
          </cell>
        </row>
        <row r="2057">
          <cell r="C2057">
            <v>110240</v>
          </cell>
          <cell r="D2057" t="str">
            <v>やさしく学ぶ 初級シスアド 2006年度版</v>
          </cell>
          <cell r="E2057">
            <v>1480</v>
          </cell>
          <cell r="F2057" t="str">
            <v>1024-0</v>
          </cell>
          <cell r="G2057">
            <v>33</v>
          </cell>
        </row>
        <row r="2058">
          <cell r="C2058">
            <v>110250</v>
          </cell>
          <cell r="D2058" t="str">
            <v>MySQL徹底入門 第2版</v>
          </cell>
          <cell r="E2058">
            <v>3480</v>
          </cell>
          <cell r="F2058" t="str">
            <v>1025-7</v>
          </cell>
          <cell r="G2058">
            <v>11</v>
          </cell>
        </row>
        <row r="2059">
          <cell r="C2059">
            <v>110260</v>
          </cell>
          <cell r="D2059" t="str">
            <v>ソフトウェア開発技術者 2006年度版</v>
          </cell>
          <cell r="E2059">
            <v>2800</v>
          </cell>
          <cell r="F2059" t="str">
            <v>1026-4</v>
          </cell>
          <cell r="G2059">
            <v>33</v>
          </cell>
        </row>
        <row r="2060">
          <cell r="C2060">
            <v>110270</v>
          </cell>
          <cell r="D2060" t="str">
            <v>テクニカルエンジニア[情報セキュリティ] 2006年度版</v>
          </cell>
          <cell r="E2060">
            <v>2600</v>
          </cell>
          <cell r="F2060" t="str">
            <v>1027-1</v>
          </cell>
          <cell r="G2060">
            <v>33</v>
          </cell>
        </row>
        <row r="2061">
          <cell r="C2061">
            <v>110280</v>
          </cell>
          <cell r="D2061" t="str">
            <v>ヤフー!・グーグルSEO対策テクニック</v>
          </cell>
          <cell r="E2061">
            <v>1600</v>
          </cell>
          <cell r="F2061" t="str">
            <v>1028-8</v>
          </cell>
          <cell r="G2061">
            <v>11</v>
          </cell>
        </row>
        <row r="2062">
          <cell r="C2062">
            <v>110290</v>
          </cell>
          <cell r="D2062" t="str">
            <v>Windows究極活用 XP/2000/Me/98SE対応</v>
          </cell>
          <cell r="E2062">
            <v>1800</v>
          </cell>
          <cell r="F2062" t="str">
            <v>1029-5</v>
          </cell>
          <cell r="G2062">
            <v>11</v>
          </cell>
        </row>
        <row r="2063">
          <cell r="C2063">
            <v>110300</v>
          </cell>
          <cell r="D2063" t="str">
            <v>ハードディスク究極活用 XP/2000/Me/Windows98SE対応</v>
          </cell>
          <cell r="E2063">
            <v>1980</v>
          </cell>
          <cell r="F2063" t="str">
            <v>1030-1</v>
          </cell>
          <cell r="G2063">
            <v>11</v>
          </cell>
        </row>
        <row r="2064">
          <cell r="C2064">
            <v>110310</v>
          </cell>
          <cell r="D2064" t="str">
            <v>実務で役立つ プロジェクト・レビュー</v>
          </cell>
          <cell r="E2064">
            <v>2200</v>
          </cell>
          <cell r="F2064" t="str">
            <v>1031-8</v>
          </cell>
          <cell r="G2064">
            <v>11</v>
          </cell>
        </row>
        <row r="2065">
          <cell r="C2065">
            <v>110320</v>
          </cell>
          <cell r="D2065" t="str">
            <v>Eclipseではじめる C</v>
          </cell>
          <cell r="E2065">
            <v>1980</v>
          </cell>
          <cell r="F2065" t="str">
            <v>1032-5</v>
          </cell>
          <cell r="G2065">
            <v>11</v>
          </cell>
        </row>
        <row r="2066">
          <cell r="C2066">
            <v>110330</v>
          </cell>
          <cell r="D2066" t="str">
            <v>Eclipseではじめる Java</v>
          </cell>
          <cell r="E2066">
            <v>1980</v>
          </cell>
          <cell r="F2066" t="str">
            <v>1033-2</v>
          </cell>
          <cell r="G2066">
            <v>11</v>
          </cell>
        </row>
        <row r="2067">
          <cell r="C2067">
            <v>110340</v>
          </cell>
          <cell r="D2067" t="str">
            <v>研修では教えてくれない開発現場で必要な24のチカラ</v>
          </cell>
          <cell r="E2067">
            <v>1800</v>
          </cell>
          <cell r="F2067" t="str">
            <v>1034-9</v>
          </cell>
          <cell r="G2067">
            <v>11</v>
          </cell>
        </row>
        <row r="2068">
          <cell r="C2068">
            <v>110350</v>
          </cell>
          <cell r="D2068" t="str">
            <v>Postfix辞典</v>
          </cell>
          <cell r="E2068">
            <v>2580</v>
          </cell>
          <cell r="F2068" t="str">
            <v>1035-6</v>
          </cell>
          <cell r="G2068">
            <v>11</v>
          </cell>
        </row>
        <row r="2069">
          <cell r="C2069">
            <v>110360</v>
          </cell>
          <cell r="D2069" t="str">
            <v>実践!オープンソースCRMアプリケーション入門</v>
          </cell>
          <cell r="E2069">
            <v>2300</v>
          </cell>
          <cell r="F2069" t="str">
            <v>1036-3</v>
          </cell>
          <cell r="G2069">
            <v>11</v>
          </cell>
        </row>
        <row r="2070">
          <cell r="C2070">
            <v>110370</v>
          </cell>
          <cell r="D2070" t="str">
            <v>CAD教科書 CAD利用技術者試験2級 2006年版</v>
          </cell>
          <cell r="E2070">
            <v>2980</v>
          </cell>
          <cell r="F2070" t="str">
            <v>1037-0</v>
          </cell>
          <cell r="G2070">
            <v>33</v>
          </cell>
        </row>
        <row r="2071">
          <cell r="C2071">
            <v>110380</v>
          </cell>
          <cell r="D2071" t="str">
            <v>CAD教科書 CAD利用技術者試験1級【機械】 2006年版</v>
          </cell>
          <cell r="E2071">
            <v>3280</v>
          </cell>
          <cell r="F2071" t="str">
            <v>1038-7</v>
          </cell>
          <cell r="G2071">
            <v>33</v>
          </cell>
        </row>
        <row r="2072">
          <cell r="C2072">
            <v>110390</v>
          </cell>
          <cell r="D2072" t="str">
            <v>オラクルマスター教科書 Gold Oracle Database 10g【DBA10g】編</v>
          </cell>
          <cell r="E2072">
            <v>4500</v>
          </cell>
          <cell r="F2072" t="str">
            <v>1039-4</v>
          </cell>
          <cell r="G2072">
            <v>11</v>
          </cell>
        </row>
        <row r="2073">
          <cell r="C2073">
            <v>110400</v>
          </cell>
          <cell r="D2073" t="str">
            <v>弥生会計06ではじめる らくらくパソコン会計</v>
          </cell>
          <cell r="E2073">
            <v>2380</v>
          </cell>
          <cell r="F2073" t="str">
            <v>1040-0</v>
          </cell>
          <cell r="G2073">
            <v>11</v>
          </cell>
        </row>
        <row r="2074">
          <cell r="C2074">
            <v>110410</v>
          </cell>
          <cell r="D2074" t="str">
            <v>先生も親もおしえてくれない就職のオキテ</v>
          </cell>
          <cell r="E2074">
            <v>1000</v>
          </cell>
          <cell r="F2074" t="str">
            <v>1041-7</v>
          </cell>
          <cell r="G2074">
            <v>11</v>
          </cell>
        </row>
        <row r="2075">
          <cell r="C2075">
            <v>110430</v>
          </cell>
          <cell r="D2075" t="str">
            <v>Windowsマクロテクニック</v>
          </cell>
          <cell r="E2075">
            <v>1800</v>
          </cell>
          <cell r="F2075" t="str">
            <v>1043-1</v>
          </cell>
          <cell r="G2075">
            <v>11</v>
          </cell>
        </row>
        <row r="2076">
          <cell r="C2076">
            <v>110450</v>
          </cell>
          <cell r="D2076" t="str">
            <v>TCP/IP入門 第2版 ネットワーキング入門シリーズ 1</v>
          </cell>
          <cell r="E2076">
            <v>2200</v>
          </cell>
          <cell r="F2076" t="str">
            <v>1045-5</v>
          </cell>
          <cell r="G2076">
            <v>11</v>
          </cell>
        </row>
        <row r="2077">
          <cell r="C2077">
            <v>110460</v>
          </cell>
          <cell r="D2077" t="str">
            <v>インターネットルーティング入門 第2版 ネットワーキング入門シリーズ 2</v>
          </cell>
          <cell r="E2077">
            <v>2600</v>
          </cell>
          <cell r="F2077" t="str">
            <v>1046-2</v>
          </cell>
          <cell r="G2077">
            <v>11</v>
          </cell>
        </row>
        <row r="2078">
          <cell r="C2078">
            <v>110470</v>
          </cell>
          <cell r="D2078" t="str">
            <v>組込みソフトウェア開発のための構造化モデリング</v>
          </cell>
          <cell r="E2078">
            <v>2200</v>
          </cell>
          <cell r="F2078" t="str">
            <v>1047-9</v>
          </cell>
          <cell r="G2078">
            <v>11</v>
          </cell>
        </row>
        <row r="2079">
          <cell r="C2079">
            <v>110480</v>
          </cell>
          <cell r="D2079" t="str">
            <v>戦略的要求開発のススメ</v>
          </cell>
          <cell r="E2079">
            <v>2200</v>
          </cell>
          <cell r="F2079" t="str">
            <v>1048-6</v>
          </cell>
          <cell r="G2079">
            <v>11</v>
          </cell>
        </row>
        <row r="2080">
          <cell r="C2080">
            <v>110490</v>
          </cell>
          <cell r="D2080" t="str">
            <v>犬丸式 株のデイトレで儲ける極意</v>
          </cell>
          <cell r="E2080">
            <v>1280</v>
          </cell>
          <cell r="F2080" t="str">
            <v>1049-3</v>
          </cell>
          <cell r="G2080">
            <v>11</v>
          </cell>
        </row>
        <row r="2081">
          <cell r="C2081">
            <v>110500</v>
          </cell>
          <cell r="D2081" t="str">
            <v>日本人が知らなかったネットで稼ぐ新手法ドロップシッピング</v>
          </cell>
          <cell r="E2081">
            <v>1500</v>
          </cell>
          <cell r="F2081" t="str">
            <v>1050-9</v>
          </cell>
          <cell r="G2081">
            <v>11</v>
          </cell>
        </row>
        <row r="2082">
          <cell r="C2082">
            <v>110510</v>
          </cell>
          <cell r="D2082" t="str">
            <v>ウェブアニメーション大百科</v>
          </cell>
          <cell r="E2082">
            <v>2200</v>
          </cell>
          <cell r="F2082" t="str">
            <v>1051-6</v>
          </cell>
          <cell r="G2082">
            <v>11</v>
          </cell>
        </row>
        <row r="2083">
          <cell r="C2083">
            <v>110520</v>
          </cell>
          <cell r="D2083" t="str">
            <v>「へんな会社」の作り方</v>
          </cell>
          <cell r="E2083">
            <v>1500</v>
          </cell>
          <cell r="F2083" t="str">
            <v>1052-3</v>
          </cell>
          <cell r="G2083">
            <v>11</v>
          </cell>
        </row>
        <row r="2084">
          <cell r="C2084">
            <v>110530</v>
          </cell>
          <cell r="D2084" t="str">
            <v>一番やさしい資産設計入門</v>
          </cell>
          <cell r="E2084">
            <v>1200</v>
          </cell>
          <cell r="F2084" t="str">
            <v>1053-0</v>
          </cell>
          <cell r="G2084">
            <v>11</v>
          </cell>
        </row>
        <row r="2085">
          <cell r="C2085">
            <v>110540</v>
          </cell>
          <cell r="D2085" t="str">
            <v>Symbian OS Internals リアルタイムカーネル プログラミング</v>
          </cell>
          <cell r="E2085">
            <v>12000</v>
          </cell>
          <cell r="F2085" t="str">
            <v>1054-7</v>
          </cell>
          <cell r="G2085">
            <v>21</v>
          </cell>
        </row>
        <row r="2086">
          <cell r="C2086">
            <v>110550</v>
          </cell>
          <cell r="D2086" t="str">
            <v>モデルとプロセスをめぐる冒険</v>
          </cell>
          <cell r="E2086">
            <v>2300</v>
          </cell>
          <cell r="F2086" t="str">
            <v>1055-4</v>
          </cell>
          <cell r="G2086">
            <v>11</v>
          </cell>
        </row>
        <row r="2087">
          <cell r="C2087">
            <v>110560</v>
          </cell>
          <cell r="D2087" t="str">
            <v>Oracle10g 真剣勝負</v>
          </cell>
          <cell r="E2087">
            <v>2600</v>
          </cell>
          <cell r="F2087" t="str">
            <v>1056-1</v>
          </cell>
          <cell r="G2087">
            <v>11</v>
          </cell>
        </row>
        <row r="2088">
          <cell r="C2088">
            <v>110570</v>
          </cell>
          <cell r="D2088" t="str">
            <v>システム提案で勝つための19のポイント</v>
          </cell>
          <cell r="E2088">
            <v>1880</v>
          </cell>
          <cell r="F2088" t="str">
            <v>1057-8</v>
          </cell>
          <cell r="G2088">
            <v>11</v>
          </cell>
        </row>
        <row r="2089">
          <cell r="C2089">
            <v>110580</v>
          </cell>
          <cell r="D2089" t="str">
            <v>52の販促手法9の事例7のテンプレートでつくる企画書</v>
          </cell>
          <cell r="E2089">
            <v>1800</v>
          </cell>
          <cell r="F2089" t="str">
            <v>1058-5</v>
          </cell>
          <cell r="G2089">
            <v>11</v>
          </cell>
        </row>
        <row r="2090">
          <cell r="C2090">
            <v>110590</v>
          </cell>
          <cell r="D2090" t="str">
            <v>プロセス オブ ウェブデザイン</v>
          </cell>
          <cell r="E2090">
            <v>2480</v>
          </cell>
          <cell r="F2090" t="str">
            <v>1059-2</v>
          </cell>
          <cell r="G2090">
            <v>11</v>
          </cell>
        </row>
        <row r="2091">
          <cell r="C2091">
            <v>110600</v>
          </cell>
          <cell r="D2091" t="str">
            <v>Emacs辞典</v>
          </cell>
          <cell r="E2091">
            <v>2980</v>
          </cell>
          <cell r="F2091" t="str">
            <v>1060-8</v>
          </cell>
          <cell r="G2091">
            <v>11</v>
          </cell>
        </row>
        <row r="2092">
          <cell r="C2092">
            <v>110610</v>
          </cell>
          <cell r="D2092" t="str">
            <v>デマルコ・セレクション～ソフトウェアエンジニアリング論文集80's</v>
          </cell>
          <cell r="E2092">
            <v>2800</v>
          </cell>
          <cell r="F2092" t="str">
            <v>1061-5</v>
          </cell>
          <cell r="G2092">
            <v>11</v>
          </cell>
        </row>
        <row r="2093">
          <cell r="C2093">
            <v>110620</v>
          </cell>
          <cell r="D2093" t="str">
            <v>10日でおぼえる ASP.NET 2.0入門教室</v>
          </cell>
          <cell r="E2093">
            <v>2800</v>
          </cell>
          <cell r="F2093" t="str">
            <v>1062-2</v>
          </cell>
          <cell r="G2093">
            <v>11</v>
          </cell>
        </row>
        <row r="2094">
          <cell r="C2094">
            <v>110630</v>
          </cell>
          <cell r="D2094" t="str">
            <v>Eclipse辞典</v>
          </cell>
          <cell r="E2094">
            <v>2580</v>
          </cell>
          <cell r="F2094" t="str">
            <v>1063-9</v>
          </cell>
          <cell r="G2094">
            <v>11</v>
          </cell>
        </row>
        <row r="2095">
          <cell r="C2095">
            <v>110650</v>
          </cell>
          <cell r="D2095" t="str">
            <v>マスタリング Maven</v>
          </cell>
          <cell r="E2095">
            <v>2980</v>
          </cell>
          <cell r="F2095" t="str">
            <v>1065-3</v>
          </cell>
          <cell r="G2095">
            <v>11</v>
          </cell>
        </row>
        <row r="2096">
          <cell r="C2096">
            <v>110660</v>
          </cell>
          <cell r="D2096" t="str">
            <v>楽々ERD レッスン</v>
          </cell>
          <cell r="E2096">
            <v>2200</v>
          </cell>
          <cell r="F2096" t="str">
            <v>1066-0</v>
          </cell>
          <cell r="G2096">
            <v>11</v>
          </cell>
        </row>
        <row r="2097">
          <cell r="C2097">
            <v>110670</v>
          </cell>
          <cell r="D2097" t="str">
            <v>CodeZineコードジン傑作選 Vol.1</v>
          </cell>
          <cell r="E2097">
            <v>980</v>
          </cell>
          <cell r="F2097" t="str">
            <v>1067-7</v>
          </cell>
          <cell r="G2097">
            <v>11</v>
          </cell>
        </row>
        <row r="2098">
          <cell r="C2098">
            <v>110700</v>
          </cell>
          <cell r="D2098" t="str">
            <v>XMLデータベース入門</v>
          </cell>
          <cell r="E2098">
            <v>3600</v>
          </cell>
          <cell r="F2098" t="str">
            <v>1070-7</v>
          </cell>
          <cell r="G2098">
            <v>11</v>
          </cell>
        </row>
        <row r="2099">
          <cell r="C2099">
            <v>110710</v>
          </cell>
          <cell r="D2099" t="str">
            <v>FLASH 8</v>
          </cell>
          <cell r="E2099">
            <v>2600</v>
          </cell>
          <cell r="F2099" t="str">
            <v>1071-4</v>
          </cell>
          <cell r="G2099">
            <v>11</v>
          </cell>
        </row>
        <row r="2100">
          <cell r="C2100">
            <v>110730</v>
          </cell>
          <cell r="D2100" t="str">
            <v>DREAMWEAVER 8</v>
          </cell>
          <cell r="E2100">
            <v>2800</v>
          </cell>
          <cell r="F2100" t="str">
            <v>1073-8</v>
          </cell>
          <cell r="G2100">
            <v>11</v>
          </cell>
        </row>
        <row r="2101">
          <cell r="C2101">
            <v>110750</v>
          </cell>
          <cell r="D2101" t="str">
            <v>間違いだらけのシステム開発</v>
          </cell>
          <cell r="E2101">
            <v>1980</v>
          </cell>
          <cell r="F2101" t="str">
            <v>1075-2</v>
          </cell>
          <cell r="G2101">
            <v>11</v>
          </cell>
        </row>
        <row r="2102">
          <cell r="C2102">
            <v>110760</v>
          </cell>
          <cell r="D2102" t="str">
            <v>開発の現場 vol.004</v>
          </cell>
          <cell r="E2102">
            <v>1580</v>
          </cell>
          <cell r="F2102" t="str">
            <v>1076-9</v>
          </cell>
          <cell r="G2102">
            <v>11</v>
          </cell>
        </row>
        <row r="2103">
          <cell r="C2103">
            <v>110770</v>
          </cell>
          <cell r="D2103" t="str">
            <v>開発の現場 vol.005</v>
          </cell>
          <cell r="E2103">
            <v>1580</v>
          </cell>
          <cell r="F2103" t="str">
            <v>1077-6</v>
          </cell>
          <cell r="G2103">
            <v>11</v>
          </cell>
        </row>
        <row r="2104">
          <cell r="C2104">
            <v>110780</v>
          </cell>
          <cell r="D2104" t="str">
            <v>開発の現場 vol.006</v>
          </cell>
          <cell r="E2104">
            <v>1580</v>
          </cell>
          <cell r="F2104" t="str">
            <v>1078-3</v>
          </cell>
          <cell r="G2104">
            <v>11</v>
          </cell>
        </row>
        <row r="2105">
          <cell r="C2105">
            <v>110790</v>
          </cell>
          <cell r="D2105" t="str">
            <v>開発の現場 vol.007</v>
          </cell>
          <cell r="E2105">
            <v>1580</v>
          </cell>
          <cell r="F2105" t="str">
            <v>1079-0</v>
          </cell>
          <cell r="G2105">
            <v>11</v>
          </cell>
        </row>
        <row r="2106">
          <cell r="C2106">
            <v>110800</v>
          </cell>
          <cell r="D2106" t="str">
            <v>実務で役立つ プロジェクトマネジメント</v>
          </cell>
          <cell r="E2106">
            <v>1980</v>
          </cell>
          <cell r="F2106" t="str">
            <v>1080-6</v>
          </cell>
          <cell r="G2106">
            <v>11</v>
          </cell>
        </row>
        <row r="2107">
          <cell r="C2107">
            <v>110810</v>
          </cell>
          <cell r="D2107" t="str">
            <v>実務で役立つ プロジェクトファシリテーション</v>
          </cell>
          <cell r="E2107">
            <v>2000</v>
          </cell>
          <cell r="F2107" t="str">
            <v>1081-3</v>
          </cell>
          <cell r="G2107">
            <v>11</v>
          </cell>
        </row>
        <row r="2108">
          <cell r="C2108">
            <v>110820</v>
          </cell>
          <cell r="D2108" t="str">
            <v>FP教科書 FP技能士3級完全攻略ガイド 2006年度版</v>
          </cell>
          <cell r="E2108">
            <v>1600</v>
          </cell>
          <cell r="F2108" t="str">
            <v>1082-0</v>
          </cell>
          <cell r="G2108">
            <v>11</v>
          </cell>
        </row>
        <row r="2109">
          <cell r="C2109">
            <v>110830</v>
          </cell>
          <cell r="D2109" t="str">
            <v>@ITベストセレクション Windows Tips編</v>
          </cell>
          <cell r="E2109">
            <v>2980</v>
          </cell>
          <cell r="F2109" t="str">
            <v>1083-7</v>
          </cell>
          <cell r="G2109">
            <v>11</v>
          </cell>
        </row>
        <row r="2110">
          <cell r="C2110">
            <v>110850</v>
          </cell>
          <cell r="D2110" t="str">
            <v>@ITベストセレクション Linux 構築・運用編</v>
          </cell>
          <cell r="E2110">
            <v>3200</v>
          </cell>
          <cell r="F2110" t="str">
            <v>1085-1</v>
          </cell>
          <cell r="G2110">
            <v>11</v>
          </cell>
        </row>
        <row r="2111">
          <cell r="C2111">
            <v>110860</v>
          </cell>
          <cell r="D2111" t="str">
            <v>オンライン・マーケティング＆ネット広告ハンドブック</v>
          </cell>
          <cell r="E2111">
            <v>1900</v>
          </cell>
          <cell r="F2111" t="str">
            <v>1086-8</v>
          </cell>
          <cell r="G2111">
            <v>11</v>
          </cell>
        </row>
        <row r="2112">
          <cell r="C2112">
            <v>110870</v>
          </cell>
          <cell r="D2112" t="str">
            <v>テクニカルエンジニア[ネットワーク] 2006年度版</v>
          </cell>
          <cell r="E2112">
            <v>2600</v>
          </cell>
          <cell r="F2112" t="str">
            <v>1087-5</v>
          </cell>
          <cell r="G2112">
            <v>33</v>
          </cell>
        </row>
        <row r="2113">
          <cell r="C2113">
            <v>110880</v>
          </cell>
          <cell r="D2113" t="str">
            <v>情報セキュリティアドミニストレータ 2006年度版</v>
          </cell>
          <cell r="E2113">
            <v>2600</v>
          </cell>
          <cell r="F2113" t="str">
            <v>1088-2</v>
          </cell>
          <cell r="G2113">
            <v>33</v>
          </cell>
        </row>
        <row r="2114">
          <cell r="C2114">
            <v>110890</v>
          </cell>
          <cell r="D2114" t="str">
            <v>AN・PM・AE 共通午前 2006年度版</v>
          </cell>
          <cell r="E2114">
            <v>2200</v>
          </cell>
          <cell r="F2114" t="str">
            <v>1089-9</v>
          </cell>
          <cell r="G2114">
            <v>33</v>
          </cell>
        </row>
        <row r="2115">
          <cell r="C2115">
            <v>110900</v>
          </cell>
          <cell r="D2115" t="str">
            <v>プロジェクトマネージャ 2006年度版</v>
          </cell>
          <cell r="E2115">
            <v>3000</v>
          </cell>
          <cell r="F2115" t="str">
            <v>1090-5</v>
          </cell>
          <cell r="G2115">
            <v>33</v>
          </cell>
        </row>
        <row r="2116">
          <cell r="C2116">
            <v>110910</v>
          </cell>
          <cell r="D2116" t="str">
            <v>売り方から考える ヒット商品プラン</v>
          </cell>
          <cell r="E2116">
            <v>2200</v>
          </cell>
          <cell r="F2116" t="str">
            <v>1091-2</v>
          </cell>
          <cell r="G2116">
            <v>11</v>
          </cell>
        </row>
        <row r="2117">
          <cell r="C2117">
            <v>110920</v>
          </cell>
          <cell r="D2117" t="str">
            <v>証券教科書 証券外務員二種 完全攻略ガイド2006年度版</v>
          </cell>
          <cell r="E2117">
            <v>1980</v>
          </cell>
          <cell r="F2117" t="str">
            <v>1092-9</v>
          </cell>
          <cell r="G2117">
            <v>11</v>
          </cell>
        </row>
        <row r="2118">
          <cell r="C2118">
            <v>110930</v>
          </cell>
          <cell r="D2118" t="str">
            <v>FP教科書 FP技能士2級・AFP完全攻略ガイド 2006年度版</v>
          </cell>
          <cell r="E2118">
            <v>2400</v>
          </cell>
          <cell r="F2118" t="str">
            <v>1093-6</v>
          </cell>
          <cell r="G2118">
            <v>11</v>
          </cell>
        </row>
        <row r="2119">
          <cell r="C2119">
            <v>110950</v>
          </cell>
          <cell r="D2119" t="str">
            <v>DBビギナーズ</v>
          </cell>
          <cell r="E2119">
            <v>1800</v>
          </cell>
          <cell r="F2119" t="str">
            <v>1095-0</v>
          </cell>
          <cell r="G2119">
            <v>11</v>
          </cell>
        </row>
        <row r="2120">
          <cell r="C2120">
            <v>110960</v>
          </cell>
          <cell r="D2120" t="str">
            <v>PowerPoint スパテク 333 2003/2002対応</v>
          </cell>
          <cell r="E2120">
            <v>2380</v>
          </cell>
          <cell r="F2120" t="str">
            <v>1096-7</v>
          </cell>
          <cell r="G2120">
            <v>11</v>
          </cell>
        </row>
        <row r="2121">
          <cell r="C2121">
            <v>110970</v>
          </cell>
          <cell r="D2121" t="str">
            <v>C++ スタイルブック</v>
          </cell>
          <cell r="E2121">
            <v>2000</v>
          </cell>
          <cell r="F2121" t="str">
            <v>1097-4</v>
          </cell>
          <cell r="G2121">
            <v>11</v>
          </cell>
        </row>
        <row r="2122">
          <cell r="C2122">
            <v>110980</v>
          </cell>
          <cell r="D2122" t="str">
            <v>ホームページ・ビルダー10 スパテク120 10/9/8/7対応</v>
          </cell>
          <cell r="E2122">
            <v>2680</v>
          </cell>
          <cell r="F2122" t="str">
            <v>1098-1</v>
          </cell>
          <cell r="G2122">
            <v>21</v>
          </cell>
        </row>
        <row r="2123">
          <cell r="C2123">
            <v>110990</v>
          </cell>
          <cell r="D2123" t="str">
            <v>アプリケーションエンジニア 2006年度版</v>
          </cell>
          <cell r="E2123">
            <v>2800</v>
          </cell>
          <cell r="F2123" t="str">
            <v>1099-8</v>
          </cell>
          <cell r="G2123">
            <v>33</v>
          </cell>
        </row>
        <row r="2124">
          <cell r="C2124">
            <v>111000</v>
          </cell>
          <cell r="D2124" t="str">
            <v>システムアナリスト 2006年度版</v>
          </cell>
          <cell r="E2124">
            <v>3500</v>
          </cell>
          <cell r="F2124" t="str">
            <v>1100-1</v>
          </cell>
          <cell r="G2124">
            <v>33</v>
          </cell>
        </row>
        <row r="2125">
          <cell r="C2125">
            <v>111010</v>
          </cell>
          <cell r="D2125" t="str">
            <v>10日でおぼえる Oracle10g入門教室</v>
          </cell>
          <cell r="E2125">
            <v>2800</v>
          </cell>
          <cell r="F2125" t="str">
            <v>1101-8</v>
          </cell>
          <cell r="G2125">
            <v>11</v>
          </cell>
        </row>
        <row r="2126">
          <cell r="C2126">
            <v>111020</v>
          </cell>
          <cell r="D2126" t="str">
            <v>「手帳ブログ」のススメ</v>
          </cell>
          <cell r="E2126">
            <v>1380</v>
          </cell>
          <cell r="F2126" t="str">
            <v>1102-5</v>
          </cell>
          <cell r="G2126">
            <v>11</v>
          </cell>
        </row>
        <row r="2127">
          <cell r="C2127">
            <v>111030</v>
          </cell>
          <cell r="D2127" t="str">
            <v>HTMLタグ+スタイルシート辞典ちび</v>
          </cell>
          <cell r="E2127">
            <v>980</v>
          </cell>
          <cell r="F2127" t="str">
            <v>1103-2</v>
          </cell>
          <cell r="G2127">
            <v>11</v>
          </cell>
        </row>
        <row r="2128">
          <cell r="C2128">
            <v>111040</v>
          </cell>
          <cell r="D2128" t="str">
            <v>SUN教科書 Webコンポーネントディベロッパ(SJC-WC)</v>
          </cell>
          <cell r="E2128">
            <v>4200</v>
          </cell>
          <cell r="F2128" t="str">
            <v>1104-9</v>
          </cell>
          <cell r="G2128">
            <v>11</v>
          </cell>
        </row>
        <row r="2129">
          <cell r="C2129">
            <v>111050</v>
          </cell>
          <cell r="D2129" t="str">
            <v>超・極める!PHP</v>
          </cell>
          <cell r="E2129">
            <v>1900</v>
          </cell>
          <cell r="F2129" t="str">
            <v>1105-6</v>
          </cell>
          <cell r="G2129">
            <v>11</v>
          </cell>
        </row>
        <row r="2130">
          <cell r="C2130">
            <v>111060</v>
          </cell>
          <cell r="D2130" t="str">
            <v>上級システムアドミニストレータ 2006年度版</v>
          </cell>
          <cell r="E2130">
            <v>3500</v>
          </cell>
          <cell r="F2130" t="str">
            <v>1106-3</v>
          </cell>
          <cell r="G2130">
            <v>33</v>
          </cell>
        </row>
        <row r="2131">
          <cell r="C2131">
            <v>111070</v>
          </cell>
          <cell r="D2131" t="str">
            <v>ど素人がはじめるFXの本</v>
          </cell>
          <cell r="E2131">
            <v>1480</v>
          </cell>
          <cell r="F2131" t="str">
            <v>1107-0</v>
          </cell>
        </row>
        <row r="2132">
          <cell r="C2132">
            <v>111080</v>
          </cell>
          <cell r="D2132" t="str">
            <v>エロの敵～今、アダルトメディアに起こりつつあること</v>
          </cell>
          <cell r="E2132">
            <v>1500</v>
          </cell>
          <cell r="F2132" t="str">
            <v>1108-7</v>
          </cell>
          <cell r="G2132">
            <v>11</v>
          </cell>
        </row>
        <row r="2133">
          <cell r="C2133">
            <v>111090</v>
          </cell>
          <cell r="D2133" t="str">
            <v>Dreamweaver8 完全制覇パーフェクト Win/Mac 対応</v>
          </cell>
          <cell r="E2133">
            <v>2880</v>
          </cell>
          <cell r="F2133" t="str">
            <v>1109-4</v>
          </cell>
          <cell r="G2133">
            <v>11</v>
          </cell>
        </row>
        <row r="2134">
          <cell r="C2134">
            <v>111100</v>
          </cell>
          <cell r="D2134" t="str">
            <v>組込みI/Oインターフェイス基礎講座</v>
          </cell>
          <cell r="E2134">
            <v>2800</v>
          </cell>
          <cell r="F2134" t="str">
            <v>1110-0</v>
          </cell>
          <cell r="G2134">
            <v>11</v>
          </cell>
        </row>
        <row r="2135">
          <cell r="C2135">
            <v>111110</v>
          </cell>
          <cell r="D2135" t="str">
            <v>オブジェクト指向入門 第2版 原則・コンセプト</v>
          </cell>
          <cell r="E2135">
            <v>7200</v>
          </cell>
          <cell r="F2135" t="str">
            <v>1111-7</v>
          </cell>
          <cell r="G2135">
            <v>11</v>
          </cell>
        </row>
        <row r="2136">
          <cell r="C2136">
            <v>111130</v>
          </cell>
          <cell r="D2136" t="str">
            <v>現場で使える MySQL</v>
          </cell>
          <cell r="E2136">
            <v>2600</v>
          </cell>
          <cell r="F2136" t="str">
            <v>1113-1</v>
          </cell>
          <cell r="G2136">
            <v>11</v>
          </cell>
        </row>
        <row r="2137">
          <cell r="C2137">
            <v>111140</v>
          </cell>
          <cell r="D2137" t="str">
            <v>テレビCM崩壊～マス広告の終焉と動き始めたマーケティング2.0</v>
          </cell>
          <cell r="E2137">
            <v>1600</v>
          </cell>
          <cell r="F2137" t="str">
            <v>1114-8</v>
          </cell>
          <cell r="G2137">
            <v>11</v>
          </cell>
        </row>
        <row r="2138">
          <cell r="C2138">
            <v>111150</v>
          </cell>
          <cell r="D2138" t="str">
            <v>コストゼロで集客!究極のSEM対策テクニック</v>
          </cell>
          <cell r="E2138">
            <v>1600</v>
          </cell>
          <cell r="F2138" t="str">
            <v>1115-5</v>
          </cell>
          <cell r="G2138">
            <v>11</v>
          </cell>
        </row>
        <row r="2139">
          <cell r="C2139">
            <v>111160</v>
          </cell>
          <cell r="D2139" t="str">
            <v>ホームページの成約率倍増!売上・利益アップテクニック</v>
          </cell>
          <cell r="E2139">
            <v>1600</v>
          </cell>
          <cell r="F2139" t="str">
            <v>1116-2</v>
          </cell>
          <cell r="G2139">
            <v>11</v>
          </cell>
        </row>
        <row r="2140">
          <cell r="C2140">
            <v>111190</v>
          </cell>
          <cell r="D2140" t="str">
            <v>ホームページ・ビルダー10 完全制覇パーフェクト Version10/9/8/7対応</v>
          </cell>
          <cell r="E2140">
            <v>2680</v>
          </cell>
          <cell r="F2140" t="str">
            <v>1119-3</v>
          </cell>
          <cell r="G2140">
            <v>11</v>
          </cell>
        </row>
        <row r="2141">
          <cell r="C2141">
            <v>111200</v>
          </cell>
          <cell r="D2141" t="str">
            <v>Flash 職人になる本</v>
          </cell>
          <cell r="E2141">
            <v>2280</v>
          </cell>
          <cell r="F2141" t="str">
            <v>1120-9</v>
          </cell>
          <cell r="G2141">
            <v>11</v>
          </cell>
        </row>
        <row r="2142">
          <cell r="C2142">
            <v>111210</v>
          </cell>
          <cell r="D2142" t="str">
            <v>ライフサイクル イノベーション</v>
          </cell>
          <cell r="E2142">
            <v>2000</v>
          </cell>
          <cell r="F2142" t="str">
            <v>1121-6</v>
          </cell>
          <cell r="G2142">
            <v>11</v>
          </cell>
        </row>
        <row r="2143">
          <cell r="C2143">
            <v>111230</v>
          </cell>
          <cell r="D2143" t="str">
            <v>.com Master教科書 .com Master★★2006</v>
          </cell>
          <cell r="E2143">
            <v>3800</v>
          </cell>
          <cell r="F2143" t="str">
            <v>1123-0</v>
          </cell>
          <cell r="G2143">
            <v>11</v>
          </cell>
        </row>
        <row r="2144">
          <cell r="C2144">
            <v>111240</v>
          </cell>
          <cell r="D2144" t="str">
            <v>.com Master教科書 .com Master★2006</v>
          </cell>
          <cell r="E2144">
            <v>2800</v>
          </cell>
          <cell r="F2144" t="str">
            <v>1124-7</v>
          </cell>
          <cell r="G2144">
            <v>11</v>
          </cell>
        </row>
        <row r="2145">
          <cell r="C2145">
            <v>111250</v>
          </cell>
          <cell r="D2145" t="str">
            <v>山見式PR法～メディアが取り上げたくなる5つの切り口</v>
          </cell>
          <cell r="E2145">
            <v>1600</v>
          </cell>
          <cell r="F2145" t="str">
            <v>1125-4</v>
          </cell>
          <cell r="G2145">
            <v>11</v>
          </cell>
        </row>
        <row r="2146">
          <cell r="C2146">
            <v>111260</v>
          </cell>
          <cell r="D2146" t="str">
            <v>Web 2.0キーワードブック</v>
          </cell>
          <cell r="E2146">
            <v>1800</v>
          </cell>
          <cell r="F2146" t="str">
            <v>1126-1</v>
          </cell>
          <cell r="G2146">
            <v>11</v>
          </cell>
        </row>
        <row r="2147">
          <cell r="C2147">
            <v>111280</v>
          </cell>
          <cell r="D2147" t="str">
            <v>携帯端末用Web制作バイブル 第2版</v>
          </cell>
          <cell r="E2147">
            <v>2800</v>
          </cell>
          <cell r="F2147" t="str">
            <v>1128-5</v>
          </cell>
          <cell r="G2147">
            <v>11</v>
          </cell>
        </row>
        <row r="2148">
          <cell r="C2148">
            <v>111290</v>
          </cell>
          <cell r="D2148" t="str">
            <v>Leptonの「基本情報」解体新書</v>
          </cell>
          <cell r="E2148">
            <v>1980</v>
          </cell>
          <cell r="F2148" t="str">
            <v>1129-2</v>
          </cell>
          <cell r="G2148">
            <v>11</v>
          </cell>
        </row>
        <row r="2149">
          <cell r="C2149">
            <v>111300</v>
          </cell>
          <cell r="D2149" t="str">
            <v>「幸せなシステム」のつくり方 真のWIN-WINを実現するシステム構築アプローチ</v>
          </cell>
          <cell r="E2149">
            <v>1780</v>
          </cell>
          <cell r="F2149" t="str">
            <v>1130-8</v>
          </cell>
          <cell r="G2149">
            <v>11</v>
          </cell>
        </row>
        <row r="2150">
          <cell r="C2150">
            <v>111310</v>
          </cell>
          <cell r="D2150" t="str">
            <v>WindowsXP エラー＆トラブル解決 スパテク385 [SP2対応版]</v>
          </cell>
          <cell r="E2150">
            <v>2180</v>
          </cell>
          <cell r="F2150" t="str">
            <v>1131-5</v>
          </cell>
          <cell r="G2150">
            <v>11</v>
          </cell>
        </row>
        <row r="2151">
          <cell r="C2151">
            <v>111320</v>
          </cell>
          <cell r="D2151" t="str">
            <v>絶不調パソコン完全復活マニュアル</v>
          </cell>
          <cell r="E2151">
            <v>1980</v>
          </cell>
          <cell r="F2151" t="str">
            <v>1132-2</v>
          </cell>
          <cell r="G2151">
            <v>11</v>
          </cell>
        </row>
        <row r="2152">
          <cell r="C2152">
            <v>111330</v>
          </cell>
          <cell r="D2152" t="str">
            <v>基本情報技術者 2006年度[秋期]版</v>
          </cell>
          <cell r="E2152">
            <v>1900</v>
          </cell>
          <cell r="F2152" t="str">
            <v>1133-9</v>
          </cell>
          <cell r="G2152">
            <v>33</v>
          </cell>
        </row>
        <row r="2153">
          <cell r="C2153">
            <v>111340</v>
          </cell>
          <cell r="D2153" t="str">
            <v>やさしく学ぶ 基本情報技術者'06-'07</v>
          </cell>
          <cell r="E2153">
            <v>1680</v>
          </cell>
          <cell r="F2153" t="str">
            <v>1134-6</v>
          </cell>
          <cell r="G2153">
            <v>11</v>
          </cell>
        </row>
        <row r="2154">
          <cell r="C2154">
            <v>111350</v>
          </cell>
          <cell r="D2154" t="str">
            <v>Puzzles for Hackers:スクリプトキディから大人のハッカーへ</v>
          </cell>
          <cell r="E2154">
            <v>2800</v>
          </cell>
          <cell r="F2154" t="str">
            <v>1135-3</v>
          </cell>
          <cell r="G2154">
            <v>11</v>
          </cell>
        </row>
        <row r="2155">
          <cell r="C2155">
            <v>111370</v>
          </cell>
          <cell r="D2155" t="str">
            <v>闘うITエンジニア「小さなチームのソフトウェア開発物語」</v>
          </cell>
          <cell r="E2155">
            <v>3200</v>
          </cell>
          <cell r="F2155" t="str">
            <v>1137-7</v>
          </cell>
          <cell r="G2155">
            <v>11</v>
          </cell>
        </row>
        <row r="2156">
          <cell r="C2156">
            <v>111380</v>
          </cell>
          <cell r="D2156" t="str">
            <v>Re:Cafe Style Photographer  Via France</v>
          </cell>
          <cell r="E2156">
            <v>2200</v>
          </cell>
          <cell r="F2156" t="str">
            <v>1138-4</v>
          </cell>
          <cell r="G2156">
            <v>11</v>
          </cell>
        </row>
        <row r="2157">
          <cell r="C2157">
            <v>111390</v>
          </cell>
          <cell r="D2157" t="str">
            <v>Nihon Style Photographer From Kyoto</v>
          </cell>
          <cell r="E2157">
            <v>2200</v>
          </cell>
          <cell r="F2157" t="str">
            <v>1139-1</v>
          </cell>
          <cell r="G2157">
            <v>11</v>
          </cell>
        </row>
        <row r="2158">
          <cell r="C2158">
            <v>111400</v>
          </cell>
          <cell r="D2158" t="str">
            <v>Linux教科書 LPICレベル1 第2版</v>
          </cell>
          <cell r="E2158">
            <v>3800</v>
          </cell>
          <cell r="F2158" t="str">
            <v>1140-7</v>
          </cell>
          <cell r="G2158">
            <v>11</v>
          </cell>
        </row>
        <row r="2159">
          <cell r="C2159">
            <v>111410</v>
          </cell>
          <cell r="D2159" t="str">
            <v>スタイルシート</v>
          </cell>
          <cell r="E2159">
            <v>2500</v>
          </cell>
          <cell r="F2159" t="str">
            <v>1141-4</v>
          </cell>
          <cell r="G2159">
            <v>11</v>
          </cell>
        </row>
        <row r="2160">
          <cell r="C2160">
            <v>111420</v>
          </cell>
          <cell r="D2160" t="str">
            <v>はじめてのオープンソースシステム開発</v>
          </cell>
          <cell r="E2160">
            <v>2200</v>
          </cell>
          <cell r="F2160" t="str">
            <v>1142-1</v>
          </cell>
          <cell r="G2160">
            <v>11</v>
          </cell>
        </row>
        <row r="2161">
          <cell r="C2161">
            <v>111430</v>
          </cell>
          <cell r="D2161" t="str">
            <v>曖昧性との共存</v>
          </cell>
          <cell r="E2161">
            <v>2400</v>
          </cell>
          <cell r="F2161" t="str">
            <v>1143-8</v>
          </cell>
          <cell r="G2161">
            <v>11</v>
          </cell>
        </row>
        <row r="2162">
          <cell r="C2162">
            <v>111440</v>
          </cell>
          <cell r="D2162" t="str">
            <v>Movable Typeではじめるビジネスブログ・テンプレートブック</v>
          </cell>
          <cell r="E2162">
            <v>2800</v>
          </cell>
          <cell r="F2162" t="str">
            <v>1144-5</v>
          </cell>
          <cell r="G2162">
            <v>11</v>
          </cell>
        </row>
        <row r="2163">
          <cell r="C2163">
            <v>111450</v>
          </cell>
          <cell r="D2163" t="str">
            <v>Accessスパテク298 2003/2002/2000対応</v>
          </cell>
          <cell r="E2163">
            <v>2480</v>
          </cell>
          <cell r="F2163" t="str">
            <v>1145-2</v>
          </cell>
          <cell r="G2163">
            <v>11</v>
          </cell>
        </row>
        <row r="2164">
          <cell r="C2164">
            <v>111460</v>
          </cell>
          <cell r="D2164" t="str">
            <v>やさしく学ぶ ソフトウェア開発技術者'06-'07</v>
          </cell>
          <cell r="E2164">
            <v>2580</v>
          </cell>
          <cell r="F2164" t="str">
            <v>1146-9</v>
          </cell>
          <cell r="G2164">
            <v>11</v>
          </cell>
        </row>
        <row r="2165">
          <cell r="C2165">
            <v>111470</v>
          </cell>
          <cell r="D2165" t="str">
            <v>グーグルアドワーズ＆グーグルアナリティクス活用テクニック</v>
          </cell>
          <cell r="E2165">
            <v>1800</v>
          </cell>
          <cell r="F2165" t="str">
            <v>1147-6</v>
          </cell>
          <cell r="G2165">
            <v>11</v>
          </cell>
        </row>
        <row r="2166">
          <cell r="C2166">
            <v>111480</v>
          </cell>
          <cell r="D2166" t="str">
            <v>名人椿正明が教えるシステム分析・モデリング100の処方箋</v>
          </cell>
          <cell r="E2166">
            <v>2680</v>
          </cell>
          <cell r="F2166" t="str">
            <v>1148-3</v>
          </cell>
          <cell r="G2166">
            <v>11</v>
          </cell>
        </row>
        <row r="2167">
          <cell r="C2167">
            <v>111490</v>
          </cell>
          <cell r="D2167" t="str">
            <v>名人椿正明が教える帳票分析50のケーススタディ</v>
          </cell>
          <cell r="E2167">
            <v>2680</v>
          </cell>
          <cell r="F2167" t="str">
            <v>1149-0</v>
          </cell>
          <cell r="G2167">
            <v>11</v>
          </cell>
        </row>
        <row r="2168">
          <cell r="C2168">
            <v>111500</v>
          </cell>
          <cell r="D2168" t="str">
            <v>おしゃれ年賀状SELECTION 2007</v>
          </cell>
          <cell r="E2168">
            <v>1280</v>
          </cell>
          <cell r="F2168" t="str">
            <v>1150-6</v>
          </cell>
          <cell r="G2168">
            <v>21</v>
          </cell>
        </row>
        <row r="2169">
          <cell r="C2169">
            <v>111540</v>
          </cell>
          <cell r="D2169" t="str">
            <v>ずっと受けたかったソフトウェアエンジニアリングの授業 1</v>
          </cell>
          <cell r="E2169">
            <v>2000</v>
          </cell>
          <cell r="F2169" t="str">
            <v>1154-4</v>
          </cell>
          <cell r="G2169">
            <v>11</v>
          </cell>
        </row>
        <row r="2170">
          <cell r="C2170">
            <v>111550</v>
          </cell>
          <cell r="D2170" t="str">
            <v>ずっと受けたかったソフトウェアエンジニアリングの授業 2</v>
          </cell>
          <cell r="E2170">
            <v>2000</v>
          </cell>
          <cell r="F2170" t="str">
            <v>1155-1</v>
          </cell>
          <cell r="G2170">
            <v>11</v>
          </cell>
        </row>
        <row r="2171">
          <cell r="C2171">
            <v>111560</v>
          </cell>
          <cell r="D2171" t="str">
            <v>ニュースの読みかたで差がつく「カゼオケ式」株式投資</v>
          </cell>
          <cell r="E2171">
            <v>1280</v>
          </cell>
          <cell r="F2171" t="str">
            <v>1156-8</v>
          </cell>
          <cell r="G2171">
            <v>11</v>
          </cell>
        </row>
        <row r="2172">
          <cell r="C2172">
            <v>111570</v>
          </cell>
          <cell r="D2172" t="str">
            <v>かんたん Ruby on Rails でWebアプリケーション開発</v>
          </cell>
          <cell r="E2172">
            <v>2800</v>
          </cell>
          <cell r="F2172" t="str">
            <v>1157-5</v>
          </cell>
          <cell r="G2172">
            <v>11</v>
          </cell>
        </row>
        <row r="2173">
          <cell r="C2173">
            <v>111580</v>
          </cell>
          <cell r="D2173" t="str">
            <v>パパッと出せる年賀状 2007</v>
          </cell>
          <cell r="E2173">
            <v>530</v>
          </cell>
          <cell r="F2173" t="str">
            <v>1158-2</v>
          </cell>
          <cell r="G2173">
            <v>21</v>
          </cell>
        </row>
        <row r="2174">
          <cell r="C2174">
            <v>111590</v>
          </cell>
          <cell r="D2174" t="str">
            <v>2007年 年賀状イラスト素材集</v>
          </cell>
          <cell r="E2174">
            <v>1380</v>
          </cell>
          <cell r="F2174" t="str">
            <v>1159-9</v>
          </cell>
          <cell r="G2174">
            <v>21</v>
          </cell>
        </row>
        <row r="2175">
          <cell r="C2175">
            <v>111600</v>
          </cell>
          <cell r="D2175" t="str">
            <v>10日でおぼえる Fedora Core6サーバ構築・管理入門教室</v>
          </cell>
          <cell r="E2175">
            <v>2800</v>
          </cell>
          <cell r="F2175" t="str">
            <v>1160-5</v>
          </cell>
          <cell r="G2175">
            <v>11</v>
          </cell>
        </row>
        <row r="2176">
          <cell r="C2176">
            <v>111610</v>
          </cell>
          <cell r="D2176" t="str">
            <v>ネットワーク通信技術入門 ネットワーキング入門シリーズ 3</v>
          </cell>
          <cell r="E2176">
            <v>2600</v>
          </cell>
          <cell r="F2176" t="str">
            <v>1161-2</v>
          </cell>
          <cell r="G2176">
            <v>11</v>
          </cell>
        </row>
        <row r="2177">
          <cell r="C2177">
            <v>111620</v>
          </cell>
          <cell r="D2177" t="str">
            <v>株主優待2006-2007</v>
          </cell>
          <cell r="E2177">
            <v>952</v>
          </cell>
          <cell r="F2177" t="str">
            <v>1162-9</v>
          </cell>
          <cell r="G2177">
            <v>11</v>
          </cell>
        </row>
        <row r="2178">
          <cell r="C2178">
            <v>111630</v>
          </cell>
          <cell r="D2178" t="str">
            <v>ダメなものはタメになる</v>
          </cell>
          <cell r="E2178">
            <v>1800</v>
          </cell>
          <cell r="F2178" t="str">
            <v>1163-6</v>
          </cell>
          <cell r="G2178">
            <v>11</v>
          </cell>
        </row>
        <row r="2179">
          <cell r="C2179">
            <v>111640</v>
          </cell>
          <cell r="D2179" t="str">
            <v>ネットで儲ける!ヤフオク</v>
          </cell>
          <cell r="E2179">
            <v>980</v>
          </cell>
          <cell r="F2179" t="str">
            <v>1164-3</v>
          </cell>
          <cell r="G2179">
            <v>11</v>
          </cell>
        </row>
        <row r="2180">
          <cell r="C2180">
            <v>111650</v>
          </cell>
          <cell r="D2180" t="str">
            <v>ネットで儲ける!ブログでアフィリエイト</v>
          </cell>
          <cell r="E2180">
            <v>980</v>
          </cell>
          <cell r="F2180" t="str">
            <v>1165-0</v>
          </cell>
          <cell r="G2180">
            <v>11</v>
          </cell>
        </row>
        <row r="2181">
          <cell r="C2181">
            <v>111660</v>
          </cell>
          <cell r="D2181" t="str">
            <v>ネットで儲ける!ネット株取引</v>
          </cell>
          <cell r="E2181">
            <v>980</v>
          </cell>
          <cell r="F2181" t="str">
            <v>1166-7</v>
          </cell>
          <cell r="G2181">
            <v>11</v>
          </cell>
        </row>
        <row r="2182">
          <cell r="C2182">
            <v>111670</v>
          </cell>
          <cell r="D2182" t="str">
            <v>MCP教科書 SQL Server 2005(試験番号：70-431)</v>
          </cell>
          <cell r="E2182">
            <v>3800</v>
          </cell>
          <cell r="F2182" t="str">
            <v>1167-4</v>
          </cell>
          <cell r="G2182">
            <v>11</v>
          </cell>
        </row>
        <row r="2183">
          <cell r="C2183">
            <v>111680</v>
          </cell>
          <cell r="D2183" t="str">
            <v>全部無料でつくる 行列のできるブログ</v>
          </cell>
          <cell r="E2183">
            <v>1480</v>
          </cell>
          <cell r="F2183" t="str">
            <v>1168-1</v>
          </cell>
          <cell r="G2183">
            <v>11</v>
          </cell>
        </row>
        <row r="2184">
          <cell r="C2184">
            <v>111690</v>
          </cell>
          <cell r="D2184" t="str">
            <v>データベースパフォーマンスアップの教科書 基本原理編</v>
          </cell>
          <cell r="E2184">
            <v>5800</v>
          </cell>
          <cell r="F2184" t="str">
            <v>1169-8</v>
          </cell>
          <cell r="G2184">
            <v>11</v>
          </cell>
        </row>
        <row r="2185">
          <cell r="C2185">
            <v>111710</v>
          </cell>
          <cell r="D2185" t="str">
            <v>SQL Server 2005 ビギナーズガイド</v>
          </cell>
          <cell r="E2185">
            <v>4800</v>
          </cell>
          <cell r="F2185" t="str">
            <v>1171-1</v>
          </cell>
          <cell r="G2185">
            <v>11</v>
          </cell>
        </row>
        <row r="2186">
          <cell r="C2186">
            <v>111730</v>
          </cell>
          <cell r="D2186" t="str">
            <v>Ajax＋PHP/JavaによるWebシステム構築</v>
          </cell>
          <cell r="E2186">
            <v>4000</v>
          </cell>
        </row>
        <row r="2187">
          <cell r="C2187">
            <v>111750</v>
          </cell>
          <cell r="D2187" t="str">
            <v>実践 J-SOX法 対応(仮)</v>
          </cell>
          <cell r="E2187">
            <v>2200</v>
          </cell>
        </row>
        <row r="2188">
          <cell r="C2188">
            <v>111760</v>
          </cell>
          <cell r="D2188" t="str">
            <v>組込みソフトウェア開発のためのオブジェクト指向モデリング</v>
          </cell>
          <cell r="E2188">
            <v>2600</v>
          </cell>
          <cell r="F2188" t="str">
            <v>1176-6</v>
          </cell>
          <cell r="G2188">
            <v>11</v>
          </cell>
        </row>
        <row r="2189">
          <cell r="C2189">
            <v>111780</v>
          </cell>
          <cell r="D2189" t="str">
            <v>SUN教科書 Solaris10(SCSA)試験番号310-200，310-202</v>
          </cell>
          <cell r="E2189">
            <v>4800</v>
          </cell>
          <cell r="F2189" t="str">
            <v>1178-0</v>
          </cell>
          <cell r="G2189">
            <v>11</v>
          </cell>
        </row>
        <row r="2190">
          <cell r="C2190">
            <v>111790</v>
          </cell>
          <cell r="D2190" t="str">
            <v>Web 2.0プログラマーズ：APIメソッド</v>
          </cell>
          <cell r="E2190">
            <v>1800</v>
          </cell>
        </row>
        <row r="2191">
          <cell r="C2191">
            <v>111800</v>
          </cell>
          <cell r="D2191" t="str">
            <v>日本人が知らなかったベトナム株</v>
          </cell>
          <cell r="E2191">
            <v>1500</v>
          </cell>
          <cell r="F2191" t="str">
            <v>1180-3</v>
          </cell>
          <cell r="G2191">
            <v>11</v>
          </cell>
        </row>
        <row r="2192">
          <cell r="C2192">
            <v>111820</v>
          </cell>
          <cell r="D2192" t="str">
            <v>ITエンジニアのための【ITSS V2】がわかる本</v>
          </cell>
          <cell r="E2192">
            <v>2800</v>
          </cell>
          <cell r="F2192" t="str">
            <v>1182-7</v>
          </cell>
          <cell r="G2192">
            <v>11</v>
          </cell>
        </row>
        <row r="2193">
          <cell r="C2193">
            <v>111830</v>
          </cell>
          <cell r="D2193" t="str">
            <v>そこが知りたい 最新Web アプリ開発のお作法</v>
          </cell>
          <cell r="E2193">
            <v>2200</v>
          </cell>
          <cell r="F2193" t="str">
            <v>1183-4</v>
          </cell>
          <cell r="G2193">
            <v>11</v>
          </cell>
        </row>
        <row r="2194">
          <cell r="C2194">
            <v>111840</v>
          </cell>
          <cell r="D2194" t="str">
            <v>続 門外不出のOracle現場ワザ</v>
          </cell>
          <cell r="E2194">
            <v>2800</v>
          </cell>
          <cell r="F2194" t="str">
            <v>1184-1</v>
          </cell>
          <cell r="G2194">
            <v>11</v>
          </cell>
        </row>
        <row r="2195">
          <cell r="C2195">
            <v>111850</v>
          </cell>
          <cell r="D2195" t="str">
            <v>絵で見てわかるOracleの仕組み</v>
          </cell>
          <cell r="E2195">
            <v>2200</v>
          </cell>
          <cell r="F2195" t="str">
            <v>1185-8</v>
          </cell>
          <cell r="G2195">
            <v>11</v>
          </cell>
        </row>
        <row r="2196">
          <cell r="C2196">
            <v>111860</v>
          </cell>
          <cell r="D2196" t="str">
            <v>地球を新体感!GoogleEarth 入門</v>
          </cell>
          <cell r="E2196">
            <v>1680</v>
          </cell>
          <cell r="F2196" t="str">
            <v>1186-5</v>
          </cell>
          <cell r="G2196">
            <v>11</v>
          </cell>
        </row>
        <row r="2197">
          <cell r="C2197">
            <v>111870</v>
          </cell>
          <cell r="D2197" t="str">
            <v>OMG認定技術者教科書 OCUPファンダメンタル UM0-100</v>
          </cell>
          <cell r="E2197">
            <v>2800</v>
          </cell>
          <cell r="F2197" t="str">
            <v>1187-2</v>
          </cell>
          <cell r="G2197">
            <v>11</v>
          </cell>
        </row>
        <row r="2198">
          <cell r="C2198">
            <v>111880</v>
          </cell>
          <cell r="D2198" t="str">
            <v>テクニカルエンジニア[エンベデットシステム] 2007年度版</v>
          </cell>
          <cell r="E2198">
            <v>3500</v>
          </cell>
          <cell r="F2198" t="str">
            <v>1188-9</v>
          </cell>
          <cell r="G2198">
            <v>11</v>
          </cell>
        </row>
        <row r="2199">
          <cell r="C2199">
            <v>111890</v>
          </cell>
          <cell r="D2199" t="str">
            <v>組込みソフトウェア開発向けコーディング作法ガイド[C言語版]</v>
          </cell>
          <cell r="E2199">
            <v>1714</v>
          </cell>
          <cell r="F2199" t="str">
            <v>1189-6</v>
          </cell>
          <cell r="G2199">
            <v>21</v>
          </cell>
        </row>
        <row r="2200">
          <cell r="C2200">
            <v>111900</v>
          </cell>
          <cell r="D2200" t="str">
            <v>組込みソフトウェア開発における品質向上の勧め[ユーザビリティ編]</v>
          </cell>
          <cell r="E2200">
            <v>571</v>
          </cell>
          <cell r="F2200" t="str">
            <v>1190-2</v>
          </cell>
          <cell r="G2200">
            <v>21</v>
          </cell>
        </row>
        <row r="2201">
          <cell r="C2201">
            <v>111910</v>
          </cell>
          <cell r="D2201" t="str">
            <v>組込みスキル標準ETSS概説書[2006年度版]</v>
          </cell>
          <cell r="E2201">
            <v>762</v>
          </cell>
          <cell r="F2201" t="str">
            <v>1191-9</v>
          </cell>
          <cell r="G2201">
            <v>21</v>
          </cell>
        </row>
        <row r="2202">
          <cell r="C2202">
            <v>111920</v>
          </cell>
          <cell r="D2202" t="str">
            <v>プロダクトマネジャーの教科書</v>
          </cell>
          <cell r="E2202">
            <v>2500</v>
          </cell>
          <cell r="F2202" t="str">
            <v>1192-6</v>
          </cell>
          <cell r="G2202">
            <v>11</v>
          </cell>
        </row>
        <row r="2203">
          <cell r="C2203">
            <v>111950</v>
          </cell>
          <cell r="D2203" t="str">
            <v>10日でおぼえる Photoshop入門教室 CS2対応</v>
          </cell>
          <cell r="E2203">
            <v>2500</v>
          </cell>
          <cell r="F2203" t="str">
            <v>1195-7</v>
          </cell>
          <cell r="G2203">
            <v>11</v>
          </cell>
        </row>
        <row r="2204">
          <cell r="C2204">
            <v>111960</v>
          </cell>
          <cell r="D2204" t="str">
            <v>かんたんHappy年賀状 2007</v>
          </cell>
          <cell r="E2204">
            <v>930</v>
          </cell>
          <cell r="F2204" t="str">
            <v>1196-4</v>
          </cell>
          <cell r="G2204">
            <v>21</v>
          </cell>
        </row>
        <row r="2205">
          <cell r="C2205">
            <v>111970</v>
          </cell>
          <cell r="D2205" t="str">
            <v>ITサービスマネジメント教科書 ITILファンデーション 試験番号EX0-100J</v>
          </cell>
          <cell r="E2205">
            <v>2800</v>
          </cell>
          <cell r="F2205" t="str">
            <v>1197-1</v>
          </cell>
          <cell r="G2205">
            <v>11</v>
          </cell>
        </row>
        <row r="2206">
          <cell r="C2206">
            <v>111980</v>
          </cell>
          <cell r="D2206" t="str">
            <v>ど素人がはじめる不動産投資の本</v>
          </cell>
          <cell r="E2206">
            <v>1380</v>
          </cell>
          <cell r="F2206" t="str">
            <v>1198-8</v>
          </cell>
          <cell r="G2206">
            <v>11</v>
          </cell>
        </row>
        <row r="2207">
          <cell r="C2207">
            <v>111990</v>
          </cell>
          <cell r="D2207" t="str">
            <v>勝つDBエンジニアのキャリアパス</v>
          </cell>
          <cell r="E2207">
            <v>2200</v>
          </cell>
          <cell r="F2207" t="str">
            <v>1199-5</v>
          </cell>
          <cell r="G2207">
            <v>11</v>
          </cell>
        </row>
        <row r="2208">
          <cell r="C2208">
            <v>112000</v>
          </cell>
          <cell r="D2208" t="str">
            <v>Oracle SQLクイズ</v>
          </cell>
          <cell r="E2208">
            <v>2200</v>
          </cell>
          <cell r="F2208" t="str">
            <v>1200-8</v>
          </cell>
          <cell r="G2208">
            <v>11</v>
          </cell>
        </row>
        <row r="2209">
          <cell r="C2209">
            <v>112010</v>
          </cell>
          <cell r="D2209" t="str">
            <v>C/C++辞典 第3版</v>
          </cell>
          <cell r="E2209">
            <v>2800</v>
          </cell>
          <cell r="F2209" t="str">
            <v>1201-5</v>
          </cell>
          <cell r="G2209">
            <v>11</v>
          </cell>
        </row>
        <row r="2210">
          <cell r="C2210">
            <v>112020</v>
          </cell>
          <cell r="D2210" t="str">
            <v xml:space="preserve">Outlook2003 </v>
          </cell>
          <cell r="E2210">
            <v>2800</v>
          </cell>
          <cell r="F2210" t="str">
            <v>1202-2</v>
          </cell>
          <cell r="G2210">
            <v>11</v>
          </cell>
        </row>
        <row r="2211">
          <cell r="C2211">
            <v>112030</v>
          </cell>
          <cell r="D2211" t="str">
            <v>ど素人が読める会社四季報の本</v>
          </cell>
          <cell r="E2211">
            <v>1480</v>
          </cell>
          <cell r="F2211" t="str">
            <v>1203-9</v>
          </cell>
          <cell r="G2211">
            <v>11</v>
          </cell>
        </row>
        <row r="2212">
          <cell r="C2212">
            <v>112040</v>
          </cell>
          <cell r="D2212" t="str">
            <v>JSTQB教科書 JSTQB認定テスト技術者 Foundation Level 試験</v>
          </cell>
          <cell r="E2212">
            <v>3680</v>
          </cell>
          <cell r="F2212" t="str">
            <v>1204-6</v>
          </cell>
          <cell r="G2212">
            <v>11</v>
          </cell>
        </row>
        <row r="2213">
          <cell r="C2213">
            <v>112050</v>
          </cell>
          <cell r="D2213" t="str">
            <v>かんたんパソコン家計簿2007</v>
          </cell>
          <cell r="E2213">
            <v>780</v>
          </cell>
          <cell r="F2213" t="str">
            <v>1205-3</v>
          </cell>
          <cell r="G2213">
            <v>21</v>
          </cell>
        </row>
        <row r="2214">
          <cell r="C2214">
            <v>112060</v>
          </cell>
          <cell r="D2214" t="str">
            <v>サーバサイドAjax入門</v>
          </cell>
          <cell r="E2214">
            <v>2800</v>
          </cell>
          <cell r="F2214" t="str">
            <v>1206-0</v>
          </cell>
          <cell r="G2214">
            <v>11</v>
          </cell>
        </row>
        <row r="2215">
          <cell r="C2215">
            <v>112070</v>
          </cell>
          <cell r="D2215" t="str">
            <v>Symbian OS プラットフォームセキュリティ</v>
          </cell>
          <cell r="E2215">
            <v>4800</v>
          </cell>
          <cell r="F2215" t="str">
            <v>1207-7</v>
          </cell>
          <cell r="G2215">
            <v>21</v>
          </cell>
        </row>
        <row r="2216">
          <cell r="C2216">
            <v>112080</v>
          </cell>
          <cell r="D2216" t="str">
            <v>組込みマルチタスクプログラミング実践講座</v>
          </cell>
          <cell r="E2216">
            <v>3400</v>
          </cell>
          <cell r="F2216" t="str">
            <v>1208-4</v>
          </cell>
          <cell r="G2216">
            <v>11</v>
          </cell>
        </row>
        <row r="2217">
          <cell r="C2217">
            <v>112090</v>
          </cell>
          <cell r="D2217" t="str">
            <v>リアルタイム組込みシステム基礎講座</v>
          </cell>
          <cell r="E2217">
            <v>3800</v>
          </cell>
          <cell r="F2217" t="str">
            <v>1209-1</v>
          </cell>
          <cell r="G2217">
            <v>11</v>
          </cell>
        </row>
        <row r="2218">
          <cell r="C2218">
            <v>112100</v>
          </cell>
          <cell r="D2218" t="str">
            <v>OpenPNEではじめる自作SNS入門</v>
          </cell>
          <cell r="E2218">
            <v>2600</v>
          </cell>
          <cell r="F2218" t="str">
            <v>1210-7</v>
          </cell>
          <cell r="G2218">
            <v>11</v>
          </cell>
        </row>
        <row r="2219">
          <cell r="C2219">
            <v>112110</v>
          </cell>
          <cell r="D2219" t="str">
            <v>ど素人がはじめる株の本 増補改訂版</v>
          </cell>
          <cell r="E2219">
            <v>1380</v>
          </cell>
          <cell r="F2219" t="str">
            <v>1211-4</v>
          </cell>
          <cell r="G2219">
            <v>11</v>
          </cell>
        </row>
        <row r="2220">
          <cell r="C2220">
            <v>112120</v>
          </cell>
          <cell r="D2220" t="str">
            <v>iPod BEGINNERS GUIDE BOOK for iPod &amp; iPod nano</v>
          </cell>
          <cell r="E2220">
            <v>1180</v>
          </cell>
          <cell r="F2220" t="str">
            <v>1212-1</v>
          </cell>
          <cell r="G2220">
            <v>11</v>
          </cell>
        </row>
        <row r="2221">
          <cell r="C2221">
            <v>112130</v>
          </cell>
          <cell r="D2221" t="str">
            <v>超極めるMySQL</v>
          </cell>
          <cell r="E2221">
            <v>1900</v>
          </cell>
          <cell r="F2221" t="str">
            <v>1213-8</v>
          </cell>
          <cell r="G2221">
            <v>11</v>
          </cell>
        </row>
        <row r="2222">
          <cell r="C2222">
            <v>112140</v>
          </cell>
          <cell r="D2222" t="str">
            <v>マーケティング 2.0</v>
          </cell>
          <cell r="E2222">
            <v>1800</v>
          </cell>
          <cell r="F2222" t="str">
            <v>1214-5</v>
          </cell>
          <cell r="G2222">
            <v>11</v>
          </cell>
        </row>
        <row r="2223">
          <cell r="C2223">
            <v>112150</v>
          </cell>
          <cell r="D2223" t="str">
            <v>広告でいちばん大切なこと</v>
          </cell>
          <cell r="E2223">
            <v>1800</v>
          </cell>
          <cell r="F2223" t="str">
            <v>1215-2</v>
          </cell>
          <cell r="G2223">
            <v>11</v>
          </cell>
        </row>
        <row r="2224">
          <cell r="C2224">
            <v>112160</v>
          </cell>
          <cell r="D2224" t="str">
            <v>広告マーケティング21の原則</v>
          </cell>
          <cell r="E2224">
            <v>1600</v>
          </cell>
          <cell r="F2224" t="str">
            <v>1216-9</v>
          </cell>
          <cell r="G2224">
            <v>11</v>
          </cell>
        </row>
        <row r="2225">
          <cell r="C2225">
            <v>112180</v>
          </cell>
          <cell r="D2225" t="str">
            <v>SUN教科書 Javaプログラマ(SJC-P)</v>
          </cell>
          <cell r="E2225">
            <v>3800</v>
          </cell>
          <cell r="F2225" t="str">
            <v>1218-3</v>
          </cell>
          <cell r="G2225">
            <v>11</v>
          </cell>
        </row>
        <row r="2226">
          <cell r="C2226">
            <v>112190</v>
          </cell>
          <cell r="D2226" t="str">
            <v>ちゃんとCSSするための スタイルガイド入門</v>
          </cell>
          <cell r="E2226">
            <v>2200</v>
          </cell>
          <cell r="F2226" t="str">
            <v>1219-0</v>
          </cell>
          <cell r="G2226">
            <v>11</v>
          </cell>
        </row>
        <row r="2227">
          <cell r="C2227">
            <v>112200</v>
          </cell>
          <cell r="D2227" t="str">
            <v>これならわかる TCP/IP 入門の入門</v>
          </cell>
          <cell r="E2227">
            <v>1700</v>
          </cell>
          <cell r="F2227" t="str">
            <v>1220-6</v>
          </cell>
          <cell r="G2227">
            <v>11</v>
          </cell>
        </row>
        <row r="2228">
          <cell r="C2228">
            <v>112210</v>
          </cell>
          <cell r="D2228" t="str">
            <v>Eclipseではじめる PHP</v>
          </cell>
          <cell r="E2228">
            <v>2180</v>
          </cell>
          <cell r="F2228" t="str">
            <v>1221-3</v>
          </cell>
          <cell r="G2228">
            <v>11</v>
          </cell>
        </row>
        <row r="2229">
          <cell r="C2229">
            <v>112220</v>
          </cell>
          <cell r="D2229" t="str">
            <v>Eclipseではじめる C++</v>
          </cell>
          <cell r="E2229">
            <v>2180</v>
          </cell>
          <cell r="F2229" t="str">
            <v>1222-0</v>
          </cell>
          <cell r="G2229">
            <v>11</v>
          </cell>
        </row>
        <row r="2230">
          <cell r="C2230">
            <v>112240</v>
          </cell>
          <cell r="D2230" t="str">
            <v>組込みソフトウェア開発 基礎講座</v>
          </cell>
          <cell r="E2230">
            <v>3200</v>
          </cell>
          <cell r="F2230" t="str">
            <v>1224-4</v>
          </cell>
          <cell r="G2230">
            <v>11</v>
          </cell>
        </row>
        <row r="2231">
          <cell r="C2231">
            <v>112250</v>
          </cell>
          <cell r="D2231" t="str">
            <v>実践!プロジェクト管理入門 増補改訂版</v>
          </cell>
          <cell r="E2231">
            <v>2200</v>
          </cell>
          <cell r="F2231" t="str">
            <v>1225-1</v>
          </cell>
          <cell r="G2231">
            <v>11</v>
          </cell>
        </row>
        <row r="2232">
          <cell r="C2232">
            <v>112260</v>
          </cell>
          <cell r="D2232" t="str">
            <v>現場で使える SQL 第2版</v>
          </cell>
          <cell r="E2232">
            <v>2200</v>
          </cell>
          <cell r="F2232" t="str">
            <v>1226-8</v>
          </cell>
          <cell r="G2232">
            <v>11</v>
          </cell>
        </row>
        <row r="2233">
          <cell r="C2233">
            <v>112270</v>
          </cell>
          <cell r="D2233" t="str">
            <v>サーバ管理技術入門</v>
          </cell>
          <cell r="E2233">
            <v>2800</v>
          </cell>
        </row>
        <row r="2234">
          <cell r="C2234">
            <v>112290</v>
          </cell>
          <cell r="D2234" t="str">
            <v>やさしいWindows Vista Home Premium/Home Basic</v>
          </cell>
          <cell r="E2234">
            <v>1280</v>
          </cell>
          <cell r="F2234" t="str">
            <v>1229-9</v>
          </cell>
          <cell r="G2234">
            <v>11</v>
          </cell>
        </row>
        <row r="2235">
          <cell r="C2235">
            <v>112300</v>
          </cell>
          <cell r="D2235" t="str">
            <v>ASP.NET辞典</v>
          </cell>
          <cell r="E2235">
            <v>2980</v>
          </cell>
          <cell r="F2235" t="str">
            <v>1230-5</v>
          </cell>
          <cell r="G2235">
            <v>11</v>
          </cell>
        </row>
        <row r="2236">
          <cell r="C2236">
            <v>112310</v>
          </cell>
          <cell r="D2236" t="str">
            <v>システム監査技術者 2007年度版</v>
          </cell>
          <cell r="E2236">
            <v>3200</v>
          </cell>
          <cell r="F2236" t="str">
            <v>1231-2</v>
          </cell>
          <cell r="G2236">
            <v>11</v>
          </cell>
        </row>
        <row r="2237">
          <cell r="C2237">
            <v>112320</v>
          </cell>
          <cell r="D2237" t="str">
            <v>テクニカルエンジニア[システム管理] 2007年度版</v>
          </cell>
          <cell r="E2237">
            <v>3200</v>
          </cell>
          <cell r="F2237" t="str">
            <v>1232-9</v>
          </cell>
          <cell r="G2237">
            <v>11</v>
          </cell>
        </row>
        <row r="2238">
          <cell r="C2238">
            <v>112330</v>
          </cell>
          <cell r="D2238" t="str">
            <v>基本情報技術者 2007年度版</v>
          </cell>
          <cell r="E2238">
            <v>1900</v>
          </cell>
          <cell r="F2238" t="str">
            <v>1233-6</v>
          </cell>
          <cell r="G2238">
            <v>11</v>
          </cell>
        </row>
        <row r="2239">
          <cell r="C2239">
            <v>112340</v>
          </cell>
          <cell r="D2239" t="str">
            <v>ソフトウェア開発技術者 2007年度版</v>
          </cell>
          <cell r="E2239">
            <v>2800</v>
          </cell>
          <cell r="F2239" t="str">
            <v>1234-3</v>
          </cell>
          <cell r="G2239">
            <v>11</v>
          </cell>
        </row>
        <row r="2240">
          <cell r="C2240">
            <v>112350</v>
          </cell>
          <cell r="D2240" t="str">
            <v>テクニカルエンジニア[情報セキュリティ] 2007年度版</v>
          </cell>
          <cell r="E2240">
            <v>2600</v>
          </cell>
          <cell r="F2240" t="str">
            <v>1235-0</v>
          </cell>
          <cell r="G2240">
            <v>11</v>
          </cell>
        </row>
        <row r="2241">
          <cell r="C2241">
            <v>112360</v>
          </cell>
          <cell r="D2241" t="str">
            <v>テクニカルエンジニア[データベース] 2007年度版</v>
          </cell>
          <cell r="E2241">
            <v>2800</v>
          </cell>
          <cell r="F2241" t="str">
            <v>1236-7</v>
          </cell>
          <cell r="G2241">
            <v>11</v>
          </cell>
        </row>
        <row r="2242">
          <cell r="C2242">
            <v>112370</v>
          </cell>
          <cell r="D2242" t="str">
            <v>小さなお店、はじめました</v>
          </cell>
          <cell r="E2242">
            <v>1380</v>
          </cell>
          <cell r="F2242" t="str">
            <v>1237-4</v>
          </cell>
          <cell r="G2242">
            <v>11</v>
          </cell>
        </row>
        <row r="2243">
          <cell r="C2243">
            <v>112380</v>
          </cell>
          <cell r="D2243" t="str">
            <v>社労士教科書 社労士 完全攻略ガイド 2007年度版</v>
          </cell>
          <cell r="E2243">
            <v>3900</v>
          </cell>
          <cell r="F2243" t="str">
            <v>1238-1</v>
          </cell>
          <cell r="G2243">
            <v>11</v>
          </cell>
        </row>
        <row r="2244">
          <cell r="C2244">
            <v>112390</v>
          </cell>
          <cell r="D2244" t="str">
            <v>MCA教科書 DatabaseM10-101</v>
          </cell>
          <cell r="E2244">
            <v>3200</v>
          </cell>
          <cell r="F2244" t="str">
            <v>1239-8</v>
          </cell>
          <cell r="G2244">
            <v>11</v>
          </cell>
        </row>
        <row r="2245">
          <cell r="C2245">
            <v>112400</v>
          </cell>
          <cell r="D2245" t="str">
            <v>MCA教科書 ApplicationM10-301</v>
          </cell>
          <cell r="E2245">
            <v>3200</v>
          </cell>
          <cell r="F2245" t="str">
            <v>1240-4</v>
          </cell>
          <cell r="G2245">
            <v>11</v>
          </cell>
        </row>
        <row r="2246">
          <cell r="C2246">
            <v>112410</v>
          </cell>
          <cell r="D2246" t="str">
            <v>SOA実践ガイドブック</v>
          </cell>
          <cell r="E2246">
            <v>2800</v>
          </cell>
          <cell r="F2246" t="str">
            <v>1241-1</v>
          </cell>
          <cell r="G2246">
            <v>11</v>
          </cell>
        </row>
        <row r="2247">
          <cell r="C2247">
            <v>112470</v>
          </cell>
          <cell r="D2247" t="str">
            <v>パッケージから学ぶ～4大分野の業務知識</v>
          </cell>
          <cell r="E2247">
            <v>2280</v>
          </cell>
          <cell r="F2247" t="str">
            <v>1247-3</v>
          </cell>
        </row>
        <row r="2248">
          <cell r="C2248">
            <v>112480</v>
          </cell>
          <cell r="D2248" t="str">
            <v>メディア・コンバージェンス2007</v>
          </cell>
          <cell r="E2248">
            <v>2000</v>
          </cell>
          <cell r="F2248" t="str">
            <v>1248-0</v>
          </cell>
          <cell r="G2248">
            <v>11</v>
          </cell>
        </row>
        <row r="2249">
          <cell r="C2249">
            <v>112490</v>
          </cell>
          <cell r="D2249" t="str">
            <v>自分でパパッと書ける確定申告 平成19年3月15日締切分</v>
          </cell>
          <cell r="E2249">
            <v>1380</v>
          </cell>
          <cell r="F2249" t="str">
            <v>1249-7</v>
          </cell>
          <cell r="G2249">
            <v>21</v>
          </cell>
        </row>
        <row r="2250">
          <cell r="C2250">
            <v>112500</v>
          </cell>
          <cell r="D2250" t="str">
            <v>初級システムアドミニストレータ 2007年度版</v>
          </cell>
          <cell r="E2250">
            <v>1480</v>
          </cell>
          <cell r="F2250" t="str">
            <v>1250-3</v>
          </cell>
          <cell r="G2250">
            <v>11</v>
          </cell>
        </row>
        <row r="2251">
          <cell r="C2251">
            <v>112510</v>
          </cell>
          <cell r="D2251" t="str">
            <v>Flash スパテク235 8/MX2004対応</v>
          </cell>
          <cell r="E2251">
            <v>2480</v>
          </cell>
          <cell r="F2251" t="str">
            <v>1251-0</v>
          </cell>
          <cell r="G2251">
            <v>11</v>
          </cell>
        </row>
        <row r="2252">
          <cell r="C2252">
            <v>112520</v>
          </cell>
          <cell r="D2252" t="str">
            <v>Windows Vista 完全制覇パーフェクト</v>
          </cell>
          <cell r="E2252">
            <v>2780</v>
          </cell>
          <cell r="F2252" t="str">
            <v>1252-7</v>
          </cell>
        </row>
        <row r="2253">
          <cell r="C2253">
            <v>112530</v>
          </cell>
          <cell r="D2253" t="str">
            <v>やさしく学ぶ 初級シスアド '07年版</v>
          </cell>
          <cell r="E2253">
            <v>1480</v>
          </cell>
          <cell r="F2253" t="str">
            <v>1253-4</v>
          </cell>
          <cell r="G2253">
            <v>11</v>
          </cell>
        </row>
        <row r="2254">
          <cell r="C2254">
            <v>112540</v>
          </cell>
          <cell r="D2254" t="str">
            <v>通関士教科書 通関士 完全攻略ガイド 2007年度版</v>
          </cell>
          <cell r="E2254">
            <v>3600</v>
          </cell>
          <cell r="F2254" t="str">
            <v>1254-1</v>
          </cell>
          <cell r="G2254">
            <v>11</v>
          </cell>
        </row>
        <row r="2255">
          <cell r="C2255">
            <v>112550</v>
          </cell>
          <cell r="D2255" t="str">
            <v>新人デザイナーの仕事</v>
          </cell>
          <cell r="E2255">
            <v>2000</v>
          </cell>
          <cell r="F2255" t="str">
            <v>1255-8</v>
          </cell>
          <cell r="G2255">
            <v>11</v>
          </cell>
        </row>
        <row r="2256">
          <cell r="C2256">
            <v>112560</v>
          </cell>
          <cell r="D2256" t="str">
            <v>Webビジネスのためのユニバーサルデザイン成功の法則65</v>
          </cell>
          <cell r="E2256">
            <v>2400</v>
          </cell>
          <cell r="F2256" t="str">
            <v>1256-5</v>
          </cell>
          <cell r="G2256">
            <v>11</v>
          </cell>
        </row>
        <row r="2257">
          <cell r="C2257">
            <v>112570</v>
          </cell>
          <cell r="D2257" t="str">
            <v>独習ASP.NET2.0</v>
          </cell>
          <cell r="E2257">
            <v>3980</v>
          </cell>
          <cell r="F2257" t="str">
            <v>1257-2</v>
          </cell>
          <cell r="G2257">
            <v>11</v>
          </cell>
        </row>
        <row r="2258">
          <cell r="C2258">
            <v>112580</v>
          </cell>
          <cell r="D2258" t="str">
            <v>ワンダーマンの「売る広告」～顧客の心をつかむマーケティング</v>
          </cell>
          <cell r="E2258">
            <v>1800</v>
          </cell>
          <cell r="F2258" t="str">
            <v>1258-9</v>
          </cell>
          <cell r="G2258">
            <v>11</v>
          </cell>
        </row>
        <row r="2259">
          <cell r="C2259">
            <v>112590</v>
          </cell>
          <cell r="D2259" t="str">
            <v>パターンによるソフトウェア構成管理</v>
          </cell>
          <cell r="E2259">
            <v>2800</v>
          </cell>
          <cell r="F2259" t="str">
            <v>1259-6</v>
          </cell>
          <cell r="G2259">
            <v>11</v>
          </cell>
        </row>
        <row r="2260">
          <cell r="C2260">
            <v>112610</v>
          </cell>
          <cell r="D2260" t="str">
            <v>SEO SEM Technique vol.1</v>
          </cell>
          <cell r="E2260">
            <v>1480</v>
          </cell>
          <cell r="F2260" t="str">
            <v>1261-9</v>
          </cell>
        </row>
        <row r="2261">
          <cell r="C2261">
            <v>112640</v>
          </cell>
          <cell r="D2261" t="str">
            <v>PHPの絵本</v>
          </cell>
          <cell r="E2261">
            <v>1680</v>
          </cell>
          <cell r="F2261" t="str">
            <v>1264-0</v>
          </cell>
        </row>
        <row r="2262">
          <cell r="C2262">
            <v>112650</v>
          </cell>
          <cell r="D2262" t="str">
            <v>開発の現場 《特別版》 vol.001</v>
          </cell>
          <cell r="E2262">
            <v>1980</v>
          </cell>
          <cell r="F2262" t="str">
            <v>1265-7</v>
          </cell>
        </row>
        <row r="2263">
          <cell r="C2263">
            <v>112660</v>
          </cell>
          <cell r="D2263" t="str">
            <v>社労士教科書 社労士 過去問セレクト10年間 2007年度版</v>
          </cell>
          <cell r="E2263">
            <v>3000</v>
          </cell>
          <cell r="F2263" t="str">
            <v>1266-4</v>
          </cell>
          <cell r="G2263">
            <v>11</v>
          </cell>
        </row>
        <row r="2264">
          <cell r="C2264">
            <v>112670</v>
          </cell>
          <cell r="D2264" t="str">
            <v>通関士教科書 通関士 過去問セレクト5年間 2007年度版</v>
          </cell>
          <cell r="E2264">
            <v>2800</v>
          </cell>
          <cell r="F2264" t="str">
            <v>1267-1</v>
          </cell>
        </row>
        <row r="2265">
          <cell r="C2265">
            <v>112680</v>
          </cell>
          <cell r="D2265" t="str">
            <v>RFID+ICタグ システム導入・構築 標準講座</v>
          </cell>
          <cell r="E2265">
            <v>2800</v>
          </cell>
          <cell r="F2265" t="str">
            <v>1268-8</v>
          </cell>
          <cell r="G2265">
            <v>11</v>
          </cell>
        </row>
        <row r="2266">
          <cell r="C2266">
            <v>112700</v>
          </cell>
          <cell r="D2266" t="str">
            <v>やさしいExcel2007</v>
          </cell>
          <cell r="E2266">
            <v>1380</v>
          </cell>
          <cell r="F2266" t="str">
            <v>1270-1</v>
          </cell>
          <cell r="G2266">
            <v>11</v>
          </cell>
        </row>
        <row r="2267">
          <cell r="C2267">
            <v>112720</v>
          </cell>
          <cell r="D2267" t="str">
            <v>目的別Google活用テクニック</v>
          </cell>
          <cell r="E2267">
            <v>1500</v>
          </cell>
          <cell r="F2267" t="str">
            <v>1272-5</v>
          </cell>
          <cell r="G2267">
            <v>11</v>
          </cell>
        </row>
        <row r="2268">
          <cell r="C2268">
            <v>112740</v>
          </cell>
          <cell r="D2268" t="str">
            <v>やさしいWord2007</v>
          </cell>
          <cell r="E2268">
            <v>1380</v>
          </cell>
          <cell r="F2268" t="str">
            <v>1274-9</v>
          </cell>
          <cell r="G2268">
            <v>11</v>
          </cell>
        </row>
        <row r="2269">
          <cell r="C2269">
            <v>112760</v>
          </cell>
          <cell r="D2269" t="str">
            <v>SOAシステムモデリングハンドブック</v>
          </cell>
          <cell r="E2269">
            <v>2200</v>
          </cell>
          <cell r="F2269" t="str">
            <v>1276-3</v>
          </cell>
          <cell r="G2269">
            <v>11</v>
          </cell>
        </row>
        <row r="2270">
          <cell r="C2270">
            <v>112770</v>
          </cell>
          <cell r="D2270" t="str">
            <v>10の症状に学ぶ要求定義のエクササイズ136</v>
          </cell>
          <cell r="E2270">
            <v>2400</v>
          </cell>
          <cell r="F2270" t="str">
            <v>1277-0</v>
          </cell>
          <cell r="G2270">
            <v>11</v>
          </cell>
        </row>
        <row r="2271">
          <cell r="C2271">
            <v>112790</v>
          </cell>
          <cell r="D2271" t="str">
            <v>日本人が知らなかったドロップシッピング</v>
          </cell>
          <cell r="E2271">
            <v>1500</v>
          </cell>
          <cell r="F2271" t="str">
            <v>1279-4</v>
          </cell>
          <cell r="G2271">
            <v>11</v>
          </cell>
        </row>
        <row r="2272">
          <cell r="C2272">
            <v>112830</v>
          </cell>
          <cell r="D2272" t="str">
            <v>Inside Linux Software</v>
          </cell>
          <cell r="E2272">
            <v>2580</v>
          </cell>
          <cell r="F2272" t="str">
            <v>1283-1</v>
          </cell>
        </row>
        <row r="2273">
          <cell r="C2273">
            <v>112900</v>
          </cell>
          <cell r="D2273" t="str">
            <v>TSPガイドブック：リーダー編</v>
          </cell>
          <cell r="E2273">
            <v>3600</v>
          </cell>
          <cell r="F2273" t="str">
            <v>1290-9</v>
          </cell>
          <cell r="G2273">
            <v>11</v>
          </cell>
        </row>
        <row r="2274">
          <cell r="C2274">
            <v>112920</v>
          </cell>
          <cell r="D2274" t="str">
            <v>SQL Server2005 ストアドプロシージャプログラミング</v>
          </cell>
          <cell r="E2274">
            <v>5800</v>
          </cell>
          <cell r="F2274" t="str">
            <v>1292-3</v>
          </cell>
        </row>
        <row r="2275">
          <cell r="C2275">
            <v>112950</v>
          </cell>
          <cell r="D2275" t="str">
            <v>ブログSEO対策テクニック</v>
          </cell>
          <cell r="E2275">
            <v>1600</v>
          </cell>
          <cell r="F2275" t="str">
            <v>1295-4</v>
          </cell>
        </row>
        <row r="2276">
          <cell r="C2276">
            <v>112970</v>
          </cell>
          <cell r="D2276" t="str">
            <v>動画共有サイト YouTube 徹底入門</v>
          </cell>
          <cell r="E2276">
            <v>1380</v>
          </cell>
          <cell r="F2276" t="str">
            <v>1297-8</v>
          </cell>
          <cell r="G2276">
            <v>11</v>
          </cell>
        </row>
        <row r="2277">
          <cell r="C2277">
            <v>112980</v>
          </cell>
          <cell r="D2277" t="str">
            <v>COBOL辞典</v>
          </cell>
          <cell r="E2277">
            <v>2980</v>
          </cell>
        </row>
        <row r="2278">
          <cell r="C2278">
            <v>112990</v>
          </cell>
          <cell r="D2278" t="str">
            <v>AFTER EFFECTS ANIMATION ABC</v>
          </cell>
          <cell r="E2278">
            <v>3200</v>
          </cell>
          <cell r="F2278" t="str">
            <v>1299-2</v>
          </cell>
        </row>
        <row r="2279">
          <cell r="C2279">
            <v>113000</v>
          </cell>
          <cell r="D2279" t="str">
            <v>独習UNIX 第2版</v>
          </cell>
          <cell r="E2279">
            <v>3200</v>
          </cell>
          <cell r="F2279" t="str">
            <v>1300-5</v>
          </cell>
          <cell r="G2279">
            <v>11</v>
          </cell>
        </row>
        <row r="2280">
          <cell r="C2280">
            <v>113010</v>
          </cell>
          <cell r="D2280" t="str">
            <v>FileMaker Pro スパテク300 8.5/8対応 for Win （仮)</v>
          </cell>
          <cell r="E2280">
            <v>2580</v>
          </cell>
        </row>
        <row r="2281">
          <cell r="C2281">
            <v>113020</v>
          </cell>
          <cell r="D2281" t="str">
            <v>7つの要素で整理する業務プロセス</v>
          </cell>
          <cell r="E2281">
            <v>2300</v>
          </cell>
          <cell r="F2281" t="str">
            <v>1302-9</v>
          </cell>
          <cell r="G2281">
            <v>11</v>
          </cell>
        </row>
        <row r="2282">
          <cell r="C2282">
            <v>113030</v>
          </cell>
          <cell r="D2282" t="str">
            <v>Windows でできる小さな会社のLAN構築・運用ガイド</v>
          </cell>
          <cell r="E2282">
            <v>2000</v>
          </cell>
          <cell r="F2282" t="str">
            <v>1303-6</v>
          </cell>
          <cell r="G2282">
            <v>11</v>
          </cell>
        </row>
        <row r="2283">
          <cell r="C2283">
            <v>113050</v>
          </cell>
          <cell r="D2283" t="str">
            <v>組込みソフトウェア向け 開発プロセスガイド</v>
          </cell>
          <cell r="E2283">
            <v>1714</v>
          </cell>
          <cell r="F2283" t="str">
            <v>1305-0</v>
          </cell>
          <cell r="G2283">
            <v>21</v>
          </cell>
        </row>
        <row r="2284">
          <cell r="C2284">
            <v>113060</v>
          </cell>
          <cell r="D2284" t="str">
            <v>組込みソフトウェア向け プロジェクトマネジメントガイド[計画書編]</v>
          </cell>
          <cell r="E2284">
            <v>1714</v>
          </cell>
          <cell r="F2284" t="str">
            <v>1306-7</v>
          </cell>
          <cell r="G2284">
            <v>21</v>
          </cell>
        </row>
        <row r="2285">
          <cell r="C2285">
            <v>113070</v>
          </cell>
          <cell r="D2285" t="str">
            <v>かんたんIDEではじめる Curl</v>
          </cell>
          <cell r="E2285">
            <v>1980</v>
          </cell>
          <cell r="F2285" t="str">
            <v>1307-4</v>
          </cell>
          <cell r="G2285">
            <v>11</v>
          </cell>
        </row>
        <row r="2286">
          <cell r="C2286">
            <v>113080</v>
          </cell>
          <cell r="D2286" t="str">
            <v>ネットで儲ける!ネット副業</v>
          </cell>
          <cell r="E2286">
            <v>980</v>
          </cell>
          <cell r="F2286" t="str">
            <v>1308-1</v>
          </cell>
          <cell r="G2286">
            <v>11</v>
          </cell>
        </row>
        <row r="2287">
          <cell r="C2287">
            <v>113090</v>
          </cell>
          <cell r="D2287" t="str">
            <v>Web 2.0革命!サイト集客テクニック</v>
          </cell>
          <cell r="E2287">
            <v>1800</v>
          </cell>
        </row>
        <row r="2288">
          <cell r="C2288">
            <v>113100</v>
          </cell>
          <cell r="D2288" t="str">
            <v>Excel Word PowerPoint 2007 スパテク303</v>
          </cell>
          <cell r="E2288">
            <v>1980</v>
          </cell>
          <cell r="F2288" t="str">
            <v>1310-4</v>
          </cell>
        </row>
        <row r="2289">
          <cell r="C2289">
            <v>113140</v>
          </cell>
          <cell r="D2289" t="str">
            <v>CAD教科書 CAD利用技術者試験2級 2007年版</v>
          </cell>
          <cell r="E2289">
            <v>2980</v>
          </cell>
          <cell r="F2289" t="str">
            <v>1314-2</v>
          </cell>
          <cell r="G2289">
            <v>11</v>
          </cell>
        </row>
        <row r="2290">
          <cell r="C2290">
            <v>113150</v>
          </cell>
          <cell r="D2290" t="str">
            <v>CAD教科書 CAD利用技術者試験1級【機械】 2007年版</v>
          </cell>
          <cell r="E2290">
            <v>3280</v>
          </cell>
          <cell r="F2290" t="str">
            <v>1315-9</v>
          </cell>
          <cell r="G2290">
            <v>11</v>
          </cell>
        </row>
        <row r="2291">
          <cell r="C2291">
            <v>113180</v>
          </cell>
          <cell r="D2291" t="str">
            <v>ワンランク上のWebインターフェイスを実現するDHTML &amp; AJAXアイディア見本帖</v>
          </cell>
          <cell r="E2291">
            <v>2500</v>
          </cell>
          <cell r="F2291" t="str">
            <v>1318-0</v>
          </cell>
        </row>
        <row r="2292">
          <cell r="C2292">
            <v>113190</v>
          </cell>
          <cell r="D2292" t="str">
            <v>情報処理技術者試験 やさしく学ぶネットワーク技術</v>
          </cell>
          <cell r="E2292">
            <v>1880</v>
          </cell>
          <cell r="F2292" t="str">
            <v>1319-7</v>
          </cell>
        </row>
        <row r="2293">
          <cell r="C2293">
            <v>113220</v>
          </cell>
          <cell r="D2293" t="str">
            <v>これならわかる トレーニングドリルC</v>
          </cell>
          <cell r="E2293">
            <v>1600</v>
          </cell>
          <cell r="F2293" t="str">
            <v>1322-7</v>
          </cell>
        </row>
        <row r="2294">
          <cell r="C2294">
            <v>113250</v>
          </cell>
          <cell r="D2294" t="str">
            <v>MySQL辞典</v>
          </cell>
          <cell r="E2294">
            <v>2480</v>
          </cell>
        </row>
        <row r="2295">
          <cell r="C2295">
            <v>113320</v>
          </cell>
          <cell r="D2295" t="str">
            <v>BEA WebLogic Server構築ガイド ver.9.2対応版(仮)</v>
          </cell>
          <cell r="E2295">
            <v>4200</v>
          </cell>
        </row>
        <row r="2296">
          <cell r="C2296">
            <v>113340</v>
          </cell>
          <cell r="D2296" t="str">
            <v>.com Master教科書 .com Master★★2007</v>
          </cell>
          <cell r="E2296">
            <v>3800</v>
          </cell>
        </row>
        <row r="2297">
          <cell r="C2297">
            <v>113350</v>
          </cell>
          <cell r="D2297" t="str">
            <v>.com Master教科書 .com Master★2007</v>
          </cell>
          <cell r="E2297">
            <v>2800</v>
          </cell>
        </row>
        <row r="2298">
          <cell r="C2298">
            <v>113370</v>
          </cell>
          <cell r="D2298" t="str">
            <v>開発の現場 vol.008</v>
          </cell>
          <cell r="E2298">
            <v>1580</v>
          </cell>
        </row>
        <row r="2299">
          <cell r="C2299">
            <v>113410</v>
          </cell>
          <cell r="D2299" t="str">
            <v>一流パティシエお取り寄せスイーツ</v>
          </cell>
          <cell r="E2299">
            <v>1280</v>
          </cell>
          <cell r="F2299" t="str">
            <v>1341-8</v>
          </cell>
          <cell r="G2299">
            <v>11</v>
          </cell>
        </row>
        <row r="2300">
          <cell r="C2300">
            <v>113420</v>
          </cell>
          <cell r="D2300" t="str">
            <v>UMLによる一気通貫DBシステム設計</v>
          </cell>
          <cell r="E2300">
            <v>2200</v>
          </cell>
          <cell r="F2300" t="str">
            <v>1342-5</v>
          </cell>
          <cell r="G2300">
            <v>11</v>
          </cell>
        </row>
        <row r="2301">
          <cell r="C2301">
            <v>113430</v>
          </cell>
          <cell r="D2301" t="str">
            <v>中小企業向けAccess開発実践ノウハウ</v>
          </cell>
          <cell r="E2301">
            <v>2400</v>
          </cell>
          <cell r="F2301" t="str">
            <v>1343-2</v>
          </cell>
          <cell r="G2301">
            <v>11</v>
          </cell>
        </row>
        <row r="2302">
          <cell r="C2302">
            <v>113440</v>
          </cell>
          <cell r="D2302" t="str">
            <v>プロジェクトマネージャ 2007年度版</v>
          </cell>
          <cell r="E2302">
            <v>3000</v>
          </cell>
          <cell r="F2302" t="str">
            <v>1344-9</v>
          </cell>
        </row>
        <row r="2303">
          <cell r="C2303">
            <v>113450</v>
          </cell>
          <cell r="D2303" t="str">
            <v>情報セキュリティアドミニストレータ 2007年度版</v>
          </cell>
          <cell r="E2303">
            <v>2600</v>
          </cell>
          <cell r="F2303" t="str">
            <v>1345-6</v>
          </cell>
        </row>
        <row r="2304">
          <cell r="C2304">
            <v>113500</v>
          </cell>
          <cell r="D2304" t="str">
            <v>テクニカルエンジニア[ネットワーク] 2007年度版</v>
          </cell>
          <cell r="E2304">
            <v>2880</v>
          </cell>
          <cell r="F2304" t="str">
            <v>1350-0</v>
          </cell>
        </row>
        <row r="2305">
          <cell r="C2305">
            <v>113510</v>
          </cell>
          <cell r="D2305" t="str">
            <v>AN・PM・AE 共通午前 2007年度版</v>
          </cell>
          <cell r="E2305">
            <v>2200</v>
          </cell>
          <cell r="F2305" t="str">
            <v>1351-7</v>
          </cell>
        </row>
        <row r="2306">
          <cell r="C2306">
            <v>113540</v>
          </cell>
          <cell r="D2306" t="str">
            <v>VB2005+Oracle10g システム構築最強スタートガイド</v>
          </cell>
          <cell r="E2306">
            <v>2800</v>
          </cell>
          <cell r="F2306" t="str">
            <v>1354-8</v>
          </cell>
        </row>
        <row r="2307">
          <cell r="C2307">
            <v>113620</v>
          </cell>
          <cell r="D2307" t="str">
            <v>Mobile2.0時代のケータイ通販ビジネス</v>
          </cell>
          <cell r="E2307">
            <v>1500</v>
          </cell>
        </row>
        <row r="2308">
          <cell r="C2308">
            <v>113640</v>
          </cell>
          <cell r="D2308" t="str">
            <v>アプリケーションエンジニア 2007年度版</v>
          </cell>
          <cell r="E2308">
            <v>2800</v>
          </cell>
        </row>
        <row r="2309">
          <cell r="C2309">
            <v>113650</v>
          </cell>
          <cell r="D2309" t="str">
            <v>システムアナリスト 2007年度版</v>
          </cell>
          <cell r="E2309">
            <v>3500</v>
          </cell>
        </row>
        <row r="2310">
          <cell r="C2310">
            <v>113660</v>
          </cell>
          <cell r="D2310" t="str">
            <v>上級システムアドミニストレータ 2007年度版</v>
          </cell>
          <cell r="E2310">
            <v>3500</v>
          </cell>
        </row>
        <row r="2311">
          <cell r="C2311">
            <v>113690</v>
          </cell>
          <cell r="D2311" t="str">
            <v>ウェブを進化させる人たち</v>
          </cell>
          <cell r="E2311">
            <v>1800</v>
          </cell>
          <cell r="F2311" t="str">
            <v>1369-2</v>
          </cell>
        </row>
        <row r="2312">
          <cell r="C2312">
            <v>113740</v>
          </cell>
          <cell r="D2312" t="str">
            <v>組込みソフトウェア開発のための「リバースモデリング」</v>
          </cell>
          <cell r="E2312">
            <v>2600</v>
          </cell>
          <cell r="F2312" t="str">
            <v>1374-6</v>
          </cell>
        </row>
        <row r="2313">
          <cell r="C2313">
            <v>113840</v>
          </cell>
          <cell r="D2313" t="str">
            <v>広告コミュニケーション革命</v>
          </cell>
          <cell r="E2313">
            <v>1800</v>
          </cell>
        </row>
        <row r="2314">
          <cell r="C2314">
            <v>208180</v>
          </cell>
          <cell r="D2314" t="str">
            <v>オラクルマスター教科書+iStudy Bronze DBA10g OracleDatabase10g</v>
          </cell>
          <cell r="E2314">
            <v>12000</v>
          </cell>
          <cell r="F2314" t="str">
            <v>0818-6</v>
          </cell>
          <cell r="G2314">
            <v>36</v>
          </cell>
        </row>
        <row r="2315">
          <cell r="C2315">
            <v>208530</v>
          </cell>
          <cell r="D2315" t="str">
            <v>オラクルマスター教科書+iStudy Silver SQL/Oracle入門 Oracle9iDatabase</v>
          </cell>
          <cell r="E2315">
            <v>15000</v>
          </cell>
          <cell r="F2315" t="str">
            <v>0853-7</v>
          </cell>
          <cell r="G2315">
            <v>36</v>
          </cell>
        </row>
        <row r="2316">
          <cell r="C2316">
            <v>208620</v>
          </cell>
          <cell r="D2316" t="str">
            <v>オラクルマスター教科書+iStudy Silver DBA1入門 Oracle9iDatabase</v>
          </cell>
          <cell r="E2316">
            <v>15000</v>
          </cell>
          <cell r="F2316" t="str">
            <v>0862-9</v>
          </cell>
          <cell r="G2316">
            <v>36</v>
          </cell>
        </row>
        <row r="2317">
          <cell r="C2317">
            <v>208630</v>
          </cell>
          <cell r="D2317" t="str">
            <v>オラクルマスター教科書+iStudy Bronze DBA10g SQL基礎1 OracleDatabase10g</v>
          </cell>
          <cell r="E2317">
            <v>12000</v>
          </cell>
          <cell r="F2317" t="str">
            <v>0863-6</v>
          </cell>
          <cell r="G2317">
            <v>36</v>
          </cell>
        </row>
        <row r="2318">
          <cell r="C2318">
            <v>209000</v>
          </cell>
          <cell r="D2318" t="str">
            <v>プロジェクトマネジメント活用講座</v>
          </cell>
          <cell r="E2318">
            <v>62000</v>
          </cell>
          <cell r="F2318" t="str">
            <v>0900-8</v>
          </cell>
          <cell r="G2318">
            <v>36</v>
          </cell>
        </row>
        <row r="2319">
          <cell r="C2319">
            <v>209640</v>
          </cell>
          <cell r="D2319" t="str">
            <v>XMLマスター教科書+iStudy ベーシック V2</v>
          </cell>
          <cell r="E2319">
            <v>15000</v>
          </cell>
          <cell r="F2319" t="str">
            <v>0964-0</v>
          </cell>
          <cell r="G2319">
            <v>36</v>
          </cell>
        </row>
        <row r="2320">
          <cell r="C2320">
            <v>209770</v>
          </cell>
          <cell r="D2320" t="str">
            <v>オラクルマスター教科書+iStudy Silver Oracle Database 10g 【DBA 10g 】編</v>
          </cell>
          <cell r="E2320">
            <v>15000</v>
          </cell>
          <cell r="F2320" t="str">
            <v>0977-0</v>
          </cell>
          <cell r="G2320">
            <v>36</v>
          </cell>
        </row>
        <row r="2321">
          <cell r="C2321">
            <v>210020</v>
          </cell>
          <cell r="D2321" t="str">
            <v>Project Management Professional 試験対策講座1 基礎編 PMBOK第3版対応</v>
          </cell>
          <cell r="E2321">
            <v>46000</v>
          </cell>
          <cell r="F2321" t="str">
            <v>1002-8</v>
          </cell>
          <cell r="G2321">
            <v>36</v>
          </cell>
        </row>
        <row r="2322">
          <cell r="C2322">
            <v>210680</v>
          </cell>
          <cell r="D2322" t="str">
            <v>オラクルマスター教科書+iStudy Gold Oracle Database 10g【DBA10g】編</v>
          </cell>
          <cell r="E2322">
            <v>15000</v>
          </cell>
          <cell r="F2322" t="str">
            <v>1068-4</v>
          </cell>
          <cell r="G2322">
            <v>36</v>
          </cell>
        </row>
        <row r="2323">
          <cell r="C2323">
            <v>210690</v>
          </cell>
          <cell r="D2323" t="str">
            <v>XMLマスター教科書+iStudy プロフェッショナル V2</v>
          </cell>
          <cell r="E2323">
            <v>18000</v>
          </cell>
          <cell r="F2323" t="str">
            <v>1069-1</v>
          </cell>
          <cell r="G2323">
            <v>36</v>
          </cell>
        </row>
        <row r="2324">
          <cell r="C2324">
            <v>210720</v>
          </cell>
          <cell r="D2324" t="str">
            <v>Project Management Professional 試験対策講座2 実践編 PMBOK第3版対応</v>
          </cell>
          <cell r="E2324">
            <v>60000</v>
          </cell>
          <cell r="F2324" t="str">
            <v>1072-1</v>
          </cell>
          <cell r="G2324">
            <v>36</v>
          </cell>
        </row>
        <row r="2325">
          <cell r="C2325">
            <v>210940</v>
          </cell>
          <cell r="D2325" t="str">
            <v>Business Coaching Seminar ビジネス・コーチング講座</v>
          </cell>
          <cell r="E2325">
            <v>38000</v>
          </cell>
          <cell r="F2325" t="str">
            <v>1094-3</v>
          </cell>
          <cell r="G2325">
            <v>36</v>
          </cell>
        </row>
        <row r="2326">
          <cell r="C2326">
            <v>211700</v>
          </cell>
          <cell r="D2326" t="str">
            <v>Foundation Certificate in IT Service Management ITILファンデーション試験対策講座</v>
          </cell>
          <cell r="E2326">
            <v>64000</v>
          </cell>
          <cell r="F2326" t="str">
            <v>1170-4</v>
          </cell>
        </row>
        <row r="2327">
          <cell r="C2327">
            <v>213750</v>
          </cell>
          <cell r="D2327" t="str">
            <v>プロジェクトマネジメント活用講座スマートエディション</v>
          </cell>
          <cell r="E2327">
            <v>38000</v>
          </cell>
          <cell r="F2327" t="str">
            <v>1375-3</v>
          </cell>
        </row>
        <row r="2328">
          <cell r="C2328">
            <v>311930</v>
          </cell>
          <cell r="D2328" t="str">
            <v>コーポレートコンプライアンス 季刊第７号</v>
          </cell>
          <cell r="E2328">
            <v>2200</v>
          </cell>
          <cell r="F2328" t="str">
            <v>1193-3</v>
          </cell>
          <cell r="G2328">
            <v>21</v>
          </cell>
        </row>
        <row r="2329">
          <cell r="C2329">
            <v>800001</v>
          </cell>
          <cell r="D2329" t="str">
            <v>SQL Server Magazine vol.1</v>
          </cell>
          <cell r="E2329">
            <v>1714</v>
          </cell>
        </row>
        <row r="2330">
          <cell r="C2330">
            <v>800002</v>
          </cell>
          <cell r="D2330" t="str">
            <v>SQL Server Magazine vol.2</v>
          </cell>
          <cell r="E2330">
            <v>1714</v>
          </cell>
        </row>
        <row r="2331">
          <cell r="C2331">
            <v>800003</v>
          </cell>
          <cell r="D2331" t="str">
            <v>SQL Server Magazine vol.3</v>
          </cell>
          <cell r="E2331">
            <v>1714</v>
          </cell>
        </row>
        <row r="2332">
          <cell r="C2332">
            <v>800004</v>
          </cell>
          <cell r="D2332" t="str">
            <v>SQL Server Magazine vol.4</v>
          </cell>
          <cell r="E2332">
            <v>1714</v>
          </cell>
        </row>
        <row r="2333">
          <cell r="C2333">
            <v>800005</v>
          </cell>
          <cell r="D2333" t="str">
            <v>SQL Server Magazine vol.5</v>
          </cell>
          <cell r="E2333">
            <v>1714</v>
          </cell>
        </row>
        <row r="2334">
          <cell r="C2334">
            <v>800006</v>
          </cell>
          <cell r="D2334" t="str">
            <v>SQL Server Magazine vol.6</v>
          </cell>
          <cell r="E2334">
            <v>1714</v>
          </cell>
        </row>
        <row r="2335">
          <cell r="C2335">
            <v>800007</v>
          </cell>
          <cell r="D2335" t="str">
            <v>SQL Server Magazine vol.7</v>
          </cell>
          <cell r="E2335">
            <v>1714</v>
          </cell>
        </row>
        <row r="2336">
          <cell r="C2336">
            <v>800008</v>
          </cell>
          <cell r="D2336" t="str">
            <v>SQL Server Magazine vol.8</v>
          </cell>
          <cell r="E2336">
            <v>1714</v>
          </cell>
        </row>
        <row r="2337">
          <cell r="C2337">
            <v>810005</v>
          </cell>
          <cell r="D2337" t="str">
            <v>DBマガジン 2000年5月号</v>
          </cell>
          <cell r="E2337">
            <v>1314</v>
          </cell>
        </row>
        <row r="2338">
          <cell r="C2338">
            <v>810006</v>
          </cell>
          <cell r="D2338" t="str">
            <v>DBマガジン 2000年6月号</v>
          </cell>
          <cell r="E2338">
            <v>1314</v>
          </cell>
        </row>
        <row r="2339">
          <cell r="C2339">
            <v>810007</v>
          </cell>
          <cell r="D2339" t="str">
            <v>DBマガジン 2000年7月号</v>
          </cell>
          <cell r="E2339">
            <v>1314</v>
          </cell>
        </row>
        <row r="2340">
          <cell r="C2340">
            <v>810008</v>
          </cell>
          <cell r="D2340" t="str">
            <v>DBマガジン 2000年8月号</v>
          </cell>
          <cell r="E2340">
            <v>1314</v>
          </cell>
        </row>
        <row r="2341">
          <cell r="C2341">
            <v>810009</v>
          </cell>
          <cell r="D2341" t="str">
            <v>DBマガジン 2000年9月号</v>
          </cell>
          <cell r="E2341">
            <v>1314</v>
          </cell>
        </row>
        <row r="2342">
          <cell r="C2342">
            <v>810010</v>
          </cell>
          <cell r="D2342" t="str">
            <v>DBマガジン 2000年10月号</v>
          </cell>
          <cell r="E2342">
            <v>1314</v>
          </cell>
        </row>
        <row r="2343">
          <cell r="C2343">
            <v>810011</v>
          </cell>
          <cell r="D2343" t="str">
            <v>DBマガジン 2000年11月号</v>
          </cell>
          <cell r="E2343">
            <v>1314</v>
          </cell>
        </row>
        <row r="2344">
          <cell r="C2344">
            <v>810012</v>
          </cell>
          <cell r="D2344" t="str">
            <v>DBマガジン 2000年12月号</v>
          </cell>
          <cell r="E2344">
            <v>1314</v>
          </cell>
        </row>
        <row r="2345">
          <cell r="C2345">
            <v>810101</v>
          </cell>
          <cell r="D2345" t="str">
            <v>DBマガジン 2001年1月号</v>
          </cell>
          <cell r="E2345">
            <v>1314</v>
          </cell>
        </row>
        <row r="2346">
          <cell r="C2346">
            <v>810102</v>
          </cell>
          <cell r="D2346" t="str">
            <v>DBマガジン 2001年2月号</v>
          </cell>
          <cell r="E2346">
            <v>1314</v>
          </cell>
        </row>
        <row r="2347">
          <cell r="C2347">
            <v>810103</v>
          </cell>
          <cell r="D2347" t="str">
            <v>DBマガジン 2001年3月号</v>
          </cell>
          <cell r="E2347">
            <v>1314</v>
          </cell>
        </row>
        <row r="2348">
          <cell r="C2348">
            <v>810104</v>
          </cell>
          <cell r="D2348" t="str">
            <v>DBマガジン 2001年4月号</v>
          </cell>
          <cell r="E2348">
            <v>1314</v>
          </cell>
        </row>
        <row r="2349">
          <cell r="C2349">
            <v>810105</v>
          </cell>
          <cell r="D2349" t="str">
            <v>DBマガジン 2001年5月号</v>
          </cell>
          <cell r="E2349">
            <v>1314</v>
          </cell>
        </row>
        <row r="2350">
          <cell r="C2350">
            <v>810106</v>
          </cell>
          <cell r="D2350" t="str">
            <v>DBマガジン 2001年6月号</v>
          </cell>
          <cell r="E2350">
            <v>1314</v>
          </cell>
        </row>
        <row r="2351">
          <cell r="C2351">
            <v>810107</v>
          </cell>
          <cell r="D2351" t="str">
            <v>DBマガジン 2001年7月号</v>
          </cell>
          <cell r="E2351">
            <v>1314</v>
          </cell>
        </row>
        <row r="2352">
          <cell r="C2352">
            <v>810108</v>
          </cell>
          <cell r="D2352" t="str">
            <v>DBマガジン 2001年8月号</v>
          </cell>
          <cell r="E2352">
            <v>1314</v>
          </cell>
        </row>
        <row r="2353">
          <cell r="C2353">
            <v>810109</v>
          </cell>
          <cell r="D2353" t="str">
            <v>DBマガジン 2001年9月号</v>
          </cell>
          <cell r="E2353">
            <v>1314</v>
          </cell>
        </row>
        <row r="2354">
          <cell r="C2354">
            <v>810110</v>
          </cell>
          <cell r="D2354" t="str">
            <v>DBマガジン 2001年10月号</v>
          </cell>
          <cell r="E2354">
            <v>1314</v>
          </cell>
        </row>
        <row r="2355">
          <cell r="C2355">
            <v>810111</v>
          </cell>
          <cell r="D2355" t="str">
            <v>DBマガジン 2001年11月号</v>
          </cell>
          <cell r="E2355">
            <v>1314</v>
          </cell>
        </row>
        <row r="2356">
          <cell r="C2356">
            <v>810112</v>
          </cell>
          <cell r="D2356" t="str">
            <v>DBマガジン 2001年12月号</v>
          </cell>
          <cell r="E2356">
            <v>1314</v>
          </cell>
        </row>
        <row r="2357">
          <cell r="C2357">
            <v>810201</v>
          </cell>
          <cell r="D2357" t="str">
            <v>DBマガジン 2002年1月号</v>
          </cell>
          <cell r="E2357">
            <v>1314</v>
          </cell>
        </row>
        <row r="2358">
          <cell r="C2358">
            <v>810202</v>
          </cell>
          <cell r="D2358" t="str">
            <v>DBマガジン 2002年2月号</v>
          </cell>
          <cell r="E2358">
            <v>1314</v>
          </cell>
        </row>
        <row r="2359">
          <cell r="C2359">
            <v>810203</v>
          </cell>
          <cell r="D2359" t="str">
            <v>DBマガジン 2002年3月号</v>
          </cell>
          <cell r="E2359">
            <v>1314</v>
          </cell>
        </row>
        <row r="2360">
          <cell r="C2360">
            <v>810204</v>
          </cell>
          <cell r="D2360" t="str">
            <v>DBマガジン 2002年4月号</v>
          </cell>
          <cell r="E2360">
            <v>1314</v>
          </cell>
        </row>
        <row r="2361">
          <cell r="C2361">
            <v>810205</v>
          </cell>
          <cell r="D2361" t="str">
            <v>DBマガジン 2002年5月号</v>
          </cell>
          <cell r="E2361">
            <v>1314</v>
          </cell>
        </row>
        <row r="2362">
          <cell r="C2362">
            <v>810206</v>
          </cell>
          <cell r="D2362" t="str">
            <v>DBマガジン 2002年6月号</v>
          </cell>
          <cell r="E2362">
            <v>1314</v>
          </cell>
        </row>
        <row r="2363">
          <cell r="C2363">
            <v>810207</v>
          </cell>
          <cell r="D2363" t="str">
            <v>DBマガジン 2002年7月号</v>
          </cell>
          <cell r="E2363">
            <v>1314</v>
          </cell>
        </row>
        <row r="2364">
          <cell r="C2364">
            <v>810208</v>
          </cell>
          <cell r="D2364" t="str">
            <v>DBマガジン 2002年8月号</v>
          </cell>
          <cell r="E2364">
            <v>1314</v>
          </cell>
        </row>
        <row r="2365">
          <cell r="C2365">
            <v>810209</v>
          </cell>
          <cell r="D2365" t="str">
            <v>DBマガジン 2002年9月号</v>
          </cell>
          <cell r="E2365">
            <v>1314</v>
          </cell>
        </row>
        <row r="2366">
          <cell r="C2366">
            <v>810210</v>
          </cell>
          <cell r="D2366" t="str">
            <v>DBマガジン 2002年10月号</v>
          </cell>
          <cell r="E2366">
            <v>1314</v>
          </cell>
        </row>
        <row r="2367">
          <cell r="C2367">
            <v>810211</v>
          </cell>
          <cell r="D2367" t="str">
            <v>DBマガジン 2002年11月号</v>
          </cell>
          <cell r="E2367">
            <v>1314</v>
          </cell>
        </row>
        <row r="2368">
          <cell r="C2368">
            <v>810212</v>
          </cell>
          <cell r="D2368" t="str">
            <v>DBマガジン 2002年12月号</v>
          </cell>
          <cell r="E2368">
            <v>1314</v>
          </cell>
        </row>
        <row r="2369">
          <cell r="C2369">
            <v>810301</v>
          </cell>
          <cell r="D2369" t="str">
            <v>DBマガジン 2003年1月号</v>
          </cell>
          <cell r="E2369">
            <v>1314</v>
          </cell>
        </row>
        <row r="2370">
          <cell r="C2370">
            <v>810302</v>
          </cell>
          <cell r="D2370" t="str">
            <v>DBマガジン 2003年2月号</v>
          </cell>
          <cell r="E2370">
            <v>1314</v>
          </cell>
        </row>
        <row r="2371">
          <cell r="C2371">
            <v>810303</v>
          </cell>
          <cell r="D2371" t="str">
            <v>DBマガジン 2003年3月号</v>
          </cell>
          <cell r="E2371">
            <v>1314</v>
          </cell>
        </row>
        <row r="2372">
          <cell r="C2372">
            <v>810304</v>
          </cell>
          <cell r="D2372" t="str">
            <v>DBマガジン 2003年4月号</v>
          </cell>
          <cell r="E2372">
            <v>1314</v>
          </cell>
        </row>
        <row r="2373">
          <cell r="C2373">
            <v>810305</v>
          </cell>
          <cell r="D2373" t="str">
            <v>DBマガジン 2003年5月号</v>
          </cell>
          <cell r="E2373">
            <v>1314</v>
          </cell>
        </row>
        <row r="2374">
          <cell r="C2374">
            <v>810306</v>
          </cell>
          <cell r="D2374" t="str">
            <v>DBマガジン 2003年6月号</v>
          </cell>
          <cell r="E2374">
            <v>1314</v>
          </cell>
        </row>
        <row r="2375">
          <cell r="C2375">
            <v>810307</v>
          </cell>
          <cell r="D2375" t="str">
            <v>DBマガジン 2003年7月号</v>
          </cell>
          <cell r="E2375">
            <v>1314</v>
          </cell>
        </row>
        <row r="2376">
          <cell r="C2376">
            <v>810308</v>
          </cell>
          <cell r="D2376" t="str">
            <v>DBマガジン 2003年8月号</v>
          </cell>
          <cell r="E2376">
            <v>1314</v>
          </cell>
        </row>
        <row r="2377">
          <cell r="C2377">
            <v>810309</v>
          </cell>
          <cell r="D2377" t="str">
            <v>DBマガジン 2003年9月号</v>
          </cell>
          <cell r="E2377">
            <v>1314</v>
          </cell>
        </row>
        <row r="2378">
          <cell r="C2378">
            <v>810310</v>
          </cell>
          <cell r="D2378" t="str">
            <v>DBマガジン 2003年10月号</v>
          </cell>
          <cell r="E2378">
            <v>1314</v>
          </cell>
        </row>
        <row r="2379">
          <cell r="C2379">
            <v>810311</v>
          </cell>
          <cell r="D2379" t="str">
            <v>DBマガジン 2003年11月号</v>
          </cell>
          <cell r="E2379">
            <v>1314</v>
          </cell>
        </row>
        <row r="2380">
          <cell r="C2380">
            <v>810312</v>
          </cell>
          <cell r="D2380" t="str">
            <v>DBマガジン 2003年12月号</v>
          </cell>
          <cell r="E2380">
            <v>1314</v>
          </cell>
        </row>
        <row r="2381">
          <cell r="C2381">
            <v>810401</v>
          </cell>
          <cell r="D2381" t="str">
            <v>DBマガジン 2004年1月号</v>
          </cell>
          <cell r="E2381">
            <v>1314</v>
          </cell>
        </row>
        <row r="2382">
          <cell r="C2382">
            <v>810402</v>
          </cell>
          <cell r="D2382" t="str">
            <v>DBマガジン 2004年2月号</v>
          </cell>
          <cell r="E2382">
            <v>1314</v>
          </cell>
        </row>
        <row r="2383">
          <cell r="C2383">
            <v>810403</v>
          </cell>
          <cell r="D2383" t="str">
            <v>DBマガジン 2004年3月号</v>
          </cell>
          <cell r="E2383">
            <v>1314</v>
          </cell>
        </row>
        <row r="2384">
          <cell r="C2384">
            <v>810404</v>
          </cell>
          <cell r="D2384" t="str">
            <v>DBマガジン 2004年4月号</v>
          </cell>
          <cell r="E2384">
            <v>1314</v>
          </cell>
        </row>
        <row r="2385">
          <cell r="C2385">
            <v>810405</v>
          </cell>
          <cell r="D2385" t="str">
            <v>DBマガジン 2004年5月号</v>
          </cell>
          <cell r="E2385">
            <v>1314</v>
          </cell>
        </row>
        <row r="2386">
          <cell r="C2386">
            <v>810406</v>
          </cell>
          <cell r="D2386" t="str">
            <v>DBマガジン 2004年6月号</v>
          </cell>
          <cell r="E2386">
            <v>1314</v>
          </cell>
        </row>
        <row r="2387">
          <cell r="C2387">
            <v>810407</v>
          </cell>
          <cell r="D2387" t="str">
            <v>DBマガジン 2004年7月号</v>
          </cell>
          <cell r="E2387">
            <v>1314</v>
          </cell>
        </row>
        <row r="2388">
          <cell r="C2388">
            <v>810408</v>
          </cell>
          <cell r="D2388" t="str">
            <v>DBマガジン 2004年8月号</v>
          </cell>
          <cell r="E2388">
            <v>1314</v>
          </cell>
        </row>
        <row r="2389">
          <cell r="C2389">
            <v>810409</v>
          </cell>
          <cell r="D2389" t="str">
            <v>DBマガジン 2004年9月号</v>
          </cell>
          <cell r="E2389">
            <v>1314</v>
          </cell>
        </row>
        <row r="2390">
          <cell r="C2390">
            <v>810410</v>
          </cell>
          <cell r="D2390" t="str">
            <v>DBマガジン 2004年10月号</v>
          </cell>
          <cell r="E2390">
            <v>1314</v>
          </cell>
        </row>
        <row r="2391">
          <cell r="C2391">
            <v>810411</v>
          </cell>
          <cell r="D2391" t="str">
            <v>DBマガジン 2004年11月号</v>
          </cell>
          <cell r="E2391">
            <v>1314</v>
          </cell>
        </row>
        <row r="2392">
          <cell r="C2392">
            <v>810412</v>
          </cell>
          <cell r="D2392" t="str">
            <v>DBマガジン 2004年12月号</v>
          </cell>
          <cell r="E2392">
            <v>1314</v>
          </cell>
        </row>
        <row r="2393">
          <cell r="C2393">
            <v>810501</v>
          </cell>
          <cell r="D2393" t="str">
            <v>DBマガジン 2005年1月号</v>
          </cell>
          <cell r="E2393">
            <v>1314</v>
          </cell>
        </row>
        <row r="2394">
          <cell r="C2394">
            <v>810502</v>
          </cell>
          <cell r="D2394" t="str">
            <v>DBマガジン 2005年2月号</v>
          </cell>
          <cell r="E2394">
            <v>1314</v>
          </cell>
        </row>
        <row r="2395">
          <cell r="C2395">
            <v>810503</v>
          </cell>
          <cell r="D2395" t="str">
            <v>DBマガジン 2005年3月号</v>
          </cell>
          <cell r="E2395">
            <v>1314</v>
          </cell>
        </row>
        <row r="2396">
          <cell r="C2396">
            <v>810504</v>
          </cell>
          <cell r="D2396" t="str">
            <v>DBマガジン 2005年4月号</v>
          </cell>
          <cell r="E2396">
            <v>1314</v>
          </cell>
        </row>
        <row r="2397">
          <cell r="C2397">
            <v>810505</v>
          </cell>
          <cell r="D2397" t="str">
            <v>DBマガジン 2005年5月号</v>
          </cell>
          <cell r="E2397">
            <v>1314</v>
          </cell>
        </row>
        <row r="2398">
          <cell r="C2398">
            <v>810506</v>
          </cell>
          <cell r="D2398" t="str">
            <v>DBマガジン 2005年6月号</v>
          </cell>
          <cell r="E2398">
            <v>1314</v>
          </cell>
        </row>
        <row r="2399">
          <cell r="C2399">
            <v>810507</v>
          </cell>
          <cell r="D2399" t="str">
            <v>DBマガジン 2005年7月号</v>
          </cell>
          <cell r="E2399">
            <v>1314</v>
          </cell>
        </row>
        <row r="2400">
          <cell r="C2400">
            <v>810508</v>
          </cell>
          <cell r="D2400" t="str">
            <v>DBマガジン 2005年8月号</v>
          </cell>
          <cell r="E2400">
            <v>1314</v>
          </cell>
        </row>
        <row r="2401">
          <cell r="C2401">
            <v>810509</v>
          </cell>
          <cell r="D2401" t="str">
            <v>DBマガジン 2005年9月号</v>
          </cell>
          <cell r="E2401">
            <v>1314</v>
          </cell>
        </row>
        <row r="2402">
          <cell r="C2402">
            <v>810510</v>
          </cell>
          <cell r="D2402" t="str">
            <v>DBマガジン 2005年10月号</v>
          </cell>
          <cell r="E2402">
            <v>1314</v>
          </cell>
        </row>
        <row r="2403">
          <cell r="C2403">
            <v>810511</v>
          </cell>
          <cell r="D2403" t="str">
            <v>DBマガジン 2005年11月号</v>
          </cell>
          <cell r="E2403">
            <v>1314</v>
          </cell>
        </row>
        <row r="2404">
          <cell r="C2404">
            <v>810512</v>
          </cell>
          <cell r="D2404" t="str">
            <v>DBマガジン 2005年12月号</v>
          </cell>
          <cell r="E2404">
            <v>1314</v>
          </cell>
        </row>
        <row r="2405">
          <cell r="C2405">
            <v>810601</v>
          </cell>
          <cell r="D2405" t="str">
            <v>DBマガジン 2006年1月号</v>
          </cell>
          <cell r="E2405">
            <v>1314</v>
          </cell>
        </row>
        <row r="2406">
          <cell r="C2406">
            <v>810602</v>
          </cell>
          <cell r="D2406" t="str">
            <v>DBマガジン 2006年2月号</v>
          </cell>
          <cell r="E2406">
            <v>1314</v>
          </cell>
        </row>
        <row r="2407">
          <cell r="C2407">
            <v>810603</v>
          </cell>
          <cell r="D2407" t="str">
            <v>DBマガジン 2006年3月号</v>
          </cell>
          <cell r="E2407">
            <v>1314</v>
          </cell>
        </row>
        <row r="2408">
          <cell r="C2408">
            <v>810604</v>
          </cell>
          <cell r="D2408" t="str">
            <v>DBマガジン 2006年4月号</v>
          </cell>
          <cell r="E2408">
            <v>1314</v>
          </cell>
        </row>
        <row r="2409">
          <cell r="C2409">
            <v>810605</v>
          </cell>
          <cell r="D2409" t="str">
            <v>DBマガジン 2006年5月号</v>
          </cell>
          <cell r="E2409">
            <v>1314</v>
          </cell>
        </row>
        <row r="2410">
          <cell r="C2410">
            <v>810606</v>
          </cell>
          <cell r="D2410" t="str">
            <v>DBマガジン 2006年6月号</v>
          </cell>
          <cell r="E2410">
            <v>1314</v>
          </cell>
        </row>
        <row r="2411">
          <cell r="C2411">
            <v>810607</v>
          </cell>
          <cell r="D2411" t="str">
            <v>DBマガジン 2006年7月号</v>
          </cell>
          <cell r="E2411">
            <v>1314</v>
          </cell>
        </row>
        <row r="2412">
          <cell r="C2412">
            <v>810608</v>
          </cell>
          <cell r="D2412" t="str">
            <v>DBマガジン 2006年8月号</v>
          </cell>
          <cell r="E2412">
            <v>1314</v>
          </cell>
        </row>
        <row r="2413">
          <cell r="C2413">
            <v>810609</v>
          </cell>
          <cell r="D2413" t="str">
            <v>DBマガジン 2006年9月号</v>
          </cell>
          <cell r="E2413">
            <v>1314</v>
          </cell>
        </row>
        <row r="2414">
          <cell r="C2414">
            <v>810610</v>
          </cell>
          <cell r="D2414" t="str">
            <v>DBマガジン 2006年10月号</v>
          </cell>
          <cell r="E2414">
            <v>1314</v>
          </cell>
        </row>
        <row r="2415">
          <cell r="C2415">
            <v>810611</v>
          </cell>
          <cell r="D2415" t="str">
            <v>DBマガジン 2006年11月号</v>
          </cell>
          <cell r="E2415">
            <v>1314</v>
          </cell>
        </row>
        <row r="2416">
          <cell r="C2416">
            <v>810612</v>
          </cell>
          <cell r="D2416" t="str">
            <v>DBマガジン 2006年12月号</v>
          </cell>
          <cell r="E2416">
            <v>1314</v>
          </cell>
        </row>
        <row r="2417">
          <cell r="C2417">
            <v>810701</v>
          </cell>
          <cell r="D2417" t="str">
            <v>DBマガジン 2007年1月号</v>
          </cell>
          <cell r="E2417">
            <v>1314</v>
          </cell>
        </row>
        <row r="2418">
          <cell r="C2418">
            <v>810702</v>
          </cell>
          <cell r="D2418" t="str">
            <v>DBマガジン 2007年2月号</v>
          </cell>
          <cell r="E2418">
            <v>1314</v>
          </cell>
        </row>
        <row r="2419">
          <cell r="C2419">
            <v>810703</v>
          </cell>
          <cell r="D2419" t="str">
            <v>DBマガジン 2007年3月号</v>
          </cell>
          <cell r="E2419">
            <v>1314</v>
          </cell>
        </row>
        <row r="2420">
          <cell r="C2420">
            <v>810704</v>
          </cell>
          <cell r="D2420" t="str">
            <v>DBマガジン 2007年4月号</v>
          </cell>
          <cell r="E2420">
            <v>1314</v>
          </cell>
        </row>
        <row r="2421">
          <cell r="C2421">
            <v>810705</v>
          </cell>
          <cell r="D2421" t="str">
            <v>DBマガジン 2007年5月号</v>
          </cell>
          <cell r="E2421">
            <v>1314</v>
          </cell>
        </row>
        <row r="2422">
          <cell r="C2422">
            <v>810706</v>
          </cell>
          <cell r="D2422" t="str">
            <v>DBマガジン 2007年6月号</v>
          </cell>
          <cell r="E2422">
            <v>1314</v>
          </cell>
        </row>
        <row r="2423">
          <cell r="C2423">
            <v>820007</v>
          </cell>
          <cell r="D2423" t="str">
            <v>XMLマガジン(DBマガジン2000年7月号増刊)</v>
          </cell>
          <cell r="E2423">
            <v>1505</v>
          </cell>
        </row>
        <row r="2424">
          <cell r="C2424">
            <v>820010</v>
          </cell>
          <cell r="D2424" t="str">
            <v>XMLマガジン02(DBマガジン2000年10月号増刊)</v>
          </cell>
          <cell r="E2424">
            <v>1505</v>
          </cell>
        </row>
        <row r="2425">
          <cell r="C2425">
            <v>820012</v>
          </cell>
          <cell r="D2425" t="str">
            <v>ECマガジン(DBマガジン2000年12月号増刊)</v>
          </cell>
          <cell r="E2425">
            <v>1219</v>
          </cell>
        </row>
        <row r="2426">
          <cell r="C2426">
            <v>820101</v>
          </cell>
          <cell r="D2426" t="str">
            <v>Oracle8i スキルアップガイド(DBマガジン2001年1月号増刊)</v>
          </cell>
          <cell r="E2426">
            <v>1714</v>
          </cell>
        </row>
        <row r="2427">
          <cell r="C2427">
            <v>820110</v>
          </cell>
          <cell r="D2427" t="str">
            <v>Oracleデータベース管理速習ガイド(DBマガジン2001年10月号増刊)</v>
          </cell>
          <cell r="E2427">
            <v>1714</v>
          </cell>
        </row>
        <row r="2428">
          <cell r="C2428">
            <v>820112</v>
          </cell>
          <cell r="D2428" t="str">
            <v>Javaプログラミング集中講座(DBマガジン2001年12月号増刊)</v>
          </cell>
          <cell r="E2428">
            <v>1400</v>
          </cell>
        </row>
        <row r="2429">
          <cell r="C2429">
            <v>820205</v>
          </cell>
          <cell r="D2429" t="str">
            <v>SEの現場(DBマガジン2002年5月号増刊)</v>
          </cell>
          <cell r="E2429">
            <v>848</v>
          </cell>
        </row>
        <row r="2430">
          <cell r="C2430">
            <v>820210</v>
          </cell>
          <cell r="D2430" t="str">
            <v>Security MagazineVol.6(DBマガジン2002年10月号増刊)</v>
          </cell>
          <cell r="E2430">
            <v>1314</v>
          </cell>
        </row>
        <row r="2431">
          <cell r="C2431">
            <v>820211</v>
          </cell>
          <cell r="D2431" t="str">
            <v>NEXT ENGINEER Vol.5(DBマガジン2002年11月号増刊)</v>
          </cell>
          <cell r="E2431">
            <v>933</v>
          </cell>
        </row>
        <row r="2432">
          <cell r="C2432">
            <v>820212</v>
          </cell>
          <cell r="D2432" t="str">
            <v>NEXT ENGINEER Vol.6(DBマガジン2002年12月号増刊)</v>
          </cell>
          <cell r="E2432">
            <v>933</v>
          </cell>
        </row>
        <row r="2433">
          <cell r="C2433">
            <v>820301</v>
          </cell>
          <cell r="D2433" t="str">
            <v>Security MagazineVol.7(DBマガジン2003年1月号増刊)</v>
          </cell>
          <cell r="E2433">
            <v>1314</v>
          </cell>
        </row>
        <row r="2434">
          <cell r="C2434">
            <v>820302</v>
          </cell>
          <cell r="D2434" t="str">
            <v>XML Magazine Specail Issue(DBマガジン2003年2月号増刊)</v>
          </cell>
          <cell r="E2434">
            <v>1714</v>
          </cell>
        </row>
        <row r="2435">
          <cell r="C2435">
            <v>820304</v>
          </cell>
          <cell r="D2435" t="str">
            <v>Security MagazineVol.8(DBマガジン2003年4月号増刊)</v>
          </cell>
          <cell r="E2435">
            <v>1314</v>
          </cell>
        </row>
        <row r="2436">
          <cell r="C2436">
            <v>820305</v>
          </cell>
          <cell r="D2436" t="str">
            <v>SEの現場 2003(DBマガジン2003年5月号増刊)</v>
          </cell>
          <cell r="E2436">
            <v>848</v>
          </cell>
        </row>
        <row r="2437">
          <cell r="C2437">
            <v>820312</v>
          </cell>
          <cell r="D2437" t="str">
            <v>筆賀状2004(DBマガジン2003年12月号増刊)</v>
          </cell>
          <cell r="E2437">
            <v>1219</v>
          </cell>
        </row>
        <row r="2438">
          <cell r="C2438">
            <v>820405</v>
          </cell>
          <cell r="D2438" t="str">
            <v>SEの現場 2004(DBマガジン2004年5月号増刊)</v>
          </cell>
          <cell r="E2438">
            <v>933</v>
          </cell>
        </row>
        <row r="2439">
          <cell r="C2439">
            <v>820411</v>
          </cell>
          <cell r="D2439" t="str">
            <v>DB設計＆UMLモデリング実践ガイド(DBマガジン2004年11月号増刊)</v>
          </cell>
          <cell r="E2439">
            <v>1600</v>
          </cell>
        </row>
        <row r="2440">
          <cell r="C2440">
            <v>820412</v>
          </cell>
          <cell r="D2440" t="str">
            <v>かんたんHappy年賀状 2005(DBマガジン2004年12月号増刊)</v>
          </cell>
          <cell r="E2440">
            <v>933</v>
          </cell>
        </row>
        <row r="2441">
          <cell r="C2441">
            <v>820508</v>
          </cell>
          <cell r="D2441" t="str">
            <v>SQL Server2005 徹底活用ガイド(DBマガジン2005年8月号増刊)</v>
          </cell>
          <cell r="E2441">
            <v>2190</v>
          </cell>
        </row>
        <row r="2442">
          <cell r="C2442">
            <v>820511</v>
          </cell>
          <cell r="D2442" t="str">
            <v>速攻!Java &amp; .NET アプリケーション開発(DBマガジン2005年11月号増刊)</v>
          </cell>
          <cell r="E2442">
            <v>1600</v>
          </cell>
        </row>
        <row r="2443">
          <cell r="C2443">
            <v>820612</v>
          </cell>
          <cell r="D2443" t="str">
            <v>Middleware Magazine(DBマガジン2006年12月号増刊)</v>
          </cell>
          <cell r="E2443">
            <v>1600</v>
          </cell>
        </row>
        <row r="2444">
          <cell r="C2444">
            <v>820703</v>
          </cell>
          <cell r="D2444" t="str">
            <v>DESIGN QUARTERLY vol.5 2007年冬(DBマガジン2007年3月号増刊)</v>
          </cell>
          <cell r="E2444">
            <v>1600</v>
          </cell>
        </row>
        <row r="2445">
          <cell r="C2445">
            <v>870004</v>
          </cell>
          <cell r="D2445" t="str">
            <v>VisualBasicマガジン 2000年4月号</v>
          </cell>
          <cell r="E2445">
            <v>1314</v>
          </cell>
        </row>
        <row r="2446">
          <cell r="C2446">
            <v>870005</v>
          </cell>
          <cell r="D2446" t="str">
            <v>VisualBasicマガジン 2000年5月号</v>
          </cell>
          <cell r="E2446">
            <v>1314</v>
          </cell>
        </row>
        <row r="2447">
          <cell r="C2447">
            <v>870006</v>
          </cell>
          <cell r="D2447" t="str">
            <v>VisualBasicマガジン 2000年6月号</v>
          </cell>
          <cell r="E2447">
            <v>1314</v>
          </cell>
        </row>
        <row r="2448">
          <cell r="C2448">
            <v>870007</v>
          </cell>
          <cell r="D2448" t="str">
            <v>VisualBasicマガジン 2000年7月号</v>
          </cell>
          <cell r="E2448">
            <v>1314</v>
          </cell>
        </row>
        <row r="2449">
          <cell r="C2449">
            <v>870008</v>
          </cell>
          <cell r="D2449" t="str">
            <v>VisualBasicマガジン 2000年8月号</v>
          </cell>
          <cell r="E2449">
            <v>1314</v>
          </cell>
        </row>
        <row r="2450">
          <cell r="C2450">
            <v>870009</v>
          </cell>
          <cell r="D2450" t="str">
            <v>VisualBasicマガジン 2000年9月号</v>
          </cell>
          <cell r="E2450">
            <v>1314</v>
          </cell>
        </row>
        <row r="2451">
          <cell r="C2451">
            <v>870010</v>
          </cell>
          <cell r="D2451" t="str">
            <v>VisualBasicマガジン 2000年10月号</v>
          </cell>
          <cell r="E2451">
            <v>1314</v>
          </cell>
        </row>
        <row r="2452">
          <cell r="C2452">
            <v>870011</v>
          </cell>
          <cell r="D2452" t="str">
            <v>VisualBasicマガジン 2000年11月号</v>
          </cell>
          <cell r="E2452">
            <v>1314</v>
          </cell>
        </row>
        <row r="2453">
          <cell r="C2453">
            <v>870012</v>
          </cell>
          <cell r="D2453" t="str">
            <v>VisualBasicマガジン 2000年12月号</v>
          </cell>
          <cell r="E2453">
            <v>1314</v>
          </cell>
        </row>
        <row r="2454">
          <cell r="C2454">
            <v>870101</v>
          </cell>
          <cell r="D2454" t="str">
            <v>VisualBasicマガジン 2001年1月号</v>
          </cell>
          <cell r="E2454">
            <v>1314</v>
          </cell>
        </row>
        <row r="2455">
          <cell r="C2455">
            <v>870102</v>
          </cell>
          <cell r="D2455" t="str">
            <v>VisualBasicマガジン 2001年2月号</v>
          </cell>
          <cell r="E2455">
            <v>1314</v>
          </cell>
        </row>
        <row r="2456">
          <cell r="C2456">
            <v>870103</v>
          </cell>
          <cell r="D2456" t="str">
            <v>VisualBasicマガジン 2001年3月号</v>
          </cell>
          <cell r="E2456">
            <v>1314</v>
          </cell>
        </row>
        <row r="2457">
          <cell r="C2457">
            <v>870104</v>
          </cell>
          <cell r="D2457" t="str">
            <v>VisualBasicマガジン 2001年4月号</v>
          </cell>
          <cell r="E2457">
            <v>1314</v>
          </cell>
        </row>
        <row r="2458">
          <cell r="C2458">
            <v>870105</v>
          </cell>
          <cell r="D2458" t="str">
            <v>VisualBasicマガジン 2001年5月号</v>
          </cell>
          <cell r="E2458">
            <v>1314</v>
          </cell>
        </row>
        <row r="2459">
          <cell r="C2459">
            <v>870106</v>
          </cell>
          <cell r="D2459" t="str">
            <v>VisualBasicマガジン 2001年6月号</v>
          </cell>
          <cell r="E2459">
            <v>1314</v>
          </cell>
        </row>
        <row r="2460">
          <cell r="C2460">
            <v>870107</v>
          </cell>
          <cell r="D2460" t="str">
            <v>VisualBasicマガジン 2001年7月号</v>
          </cell>
          <cell r="E2460">
            <v>1314</v>
          </cell>
        </row>
        <row r="2461">
          <cell r="C2461">
            <v>870108</v>
          </cell>
          <cell r="D2461" t="str">
            <v>VisualBasicマガジン 2001年8月号</v>
          </cell>
          <cell r="E2461">
            <v>1314</v>
          </cell>
        </row>
        <row r="2462">
          <cell r="C2462">
            <v>870109</v>
          </cell>
          <cell r="D2462" t="str">
            <v>VisualBasicマガジン 2001年9月号</v>
          </cell>
          <cell r="E2462">
            <v>1314</v>
          </cell>
        </row>
        <row r="2463">
          <cell r="C2463">
            <v>870110</v>
          </cell>
          <cell r="D2463" t="str">
            <v>VisualBasicマガジン 2001年10月号</v>
          </cell>
          <cell r="E2463">
            <v>1314</v>
          </cell>
        </row>
        <row r="2464">
          <cell r="C2464">
            <v>870111</v>
          </cell>
          <cell r="D2464" t="str">
            <v>VisualBasicマガジン 2001年11月号</v>
          </cell>
          <cell r="E2464">
            <v>1314</v>
          </cell>
        </row>
        <row r="2465">
          <cell r="C2465">
            <v>870112</v>
          </cell>
          <cell r="D2465" t="str">
            <v>VisualBasicマガジン 2001年12月号</v>
          </cell>
          <cell r="E2465">
            <v>1314</v>
          </cell>
        </row>
        <row r="2466">
          <cell r="C2466">
            <v>870201</v>
          </cell>
          <cell r="D2466" t="str">
            <v>VisualBasicマガジン 2002年1月号</v>
          </cell>
          <cell r="E2466">
            <v>1314</v>
          </cell>
        </row>
        <row r="2467">
          <cell r="C2467">
            <v>870202</v>
          </cell>
          <cell r="D2467" t="str">
            <v>VisualBasicマガジン 2002年2月号</v>
          </cell>
          <cell r="E2467">
            <v>1314</v>
          </cell>
        </row>
        <row r="2468">
          <cell r="C2468">
            <v>870203</v>
          </cell>
          <cell r="D2468" t="str">
            <v>VisualBasicマガジン 2002年3月号</v>
          </cell>
          <cell r="E2468">
            <v>1314</v>
          </cell>
        </row>
        <row r="2469">
          <cell r="C2469">
            <v>870204</v>
          </cell>
          <cell r="D2469" t="str">
            <v>VisualBasicマガジン 2002年4月号</v>
          </cell>
          <cell r="E2469">
            <v>1314</v>
          </cell>
        </row>
        <row r="2470">
          <cell r="C2470">
            <v>870205</v>
          </cell>
          <cell r="D2470" t="str">
            <v>VisualBasicマガジン 2002年5月号</v>
          </cell>
          <cell r="E2470">
            <v>1314</v>
          </cell>
        </row>
        <row r="2471">
          <cell r="C2471">
            <v>870206</v>
          </cell>
          <cell r="D2471" t="str">
            <v>VisualBasicマガジン 2002年6月号</v>
          </cell>
          <cell r="E2471">
            <v>1314</v>
          </cell>
        </row>
        <row r="2472">
          <cell r="C2472">
            <v>870207</v>
          </cell>
          <cell r="D2472" t="str">
            <v>VisualBasicマガジン 2002年7月号</v>
          </cell>
          <cell r="E2472">
            <v>1314</v>
          </cell>
        </row>
        <row r="2473">
          <cell r="C2473">
            <v>870208</v>
          </cell>
          <cell r="D2473" t="str">
            <v>VisualBasicマガジン 2002年8月号</v>
          </cell>
          <cell r="E2473">
            <v>1314</v>
          </cell>
        </row>
        <row r="2474">
          <cell r="C2474">
            <v>870209</v>
          </cell>
          <cell r="D2474" t="str">
            <v>VisualBasicマガジン 2002年9月号</v>
          </cell>
          <cell r="E2474">
            <v>1314</v>
          </cell>
        </row>
        <row r="2475">
          <cell r="C2475">
            <v>870210</v>
          </cell>
          <cell r="D2475" t="str">
            <v>VisualBasicマガジン 2002年10月号</v>
          </cell>
          <cell r="E2475">
            <v>1314</v>
          </cell>
        </row>
        <row r="2476">
          <cell r="C2476">
            <v>870211</v>
          </cell>
          <cell r="D2476" t="str">
            <v>dotNETマガジン 2002年11月号</v>
          </cell>
          <cell r="E2476">
            <v>1314</v>
          </cell>
        </row>
        <row r="2477">
          <cell r="C2477">
            <v>870212</v>
          </cell>
          <cell r="D2477" t="str">
            <v>dotNETマガジン 2002年12月号</v>
          </cell>
          <cell r="E2477">
            <v>1314</v>
          </cell>
        </row>
        <row r="2478">
          <cell r="C2478">
            <v>870301</v>
          </cell>
          <cell r="D2478" t="str">
            <v>dotNETマガジン 2003年1月号</v>
          </cell>
          <cell r="E2478">
            <v>1314</v>
          </cell>
        </row>
        <row r="2479">
          <cell r="C2479">
            <v>870302</v>
          </cell>
          <cell r="D2479" t="str">
            <v>dotNETマガジン 2003年2月号</v>
          </cell>
          <cell r="E2479">
            <v>1314</v>
          </cell>
        </row>
        <row r="2480">
          <cell r="C2480">
            <v>870303</v>
          </cell>
          <cell r="D2480" t="str">
            <v>dotNETマガジン 2003年3月号</v>
          </cell>
          <cell r="E2480">
            <v>1314</v>
          </cell>
        </row>
        <row r="2481">
          <cell r="C2481">
            <v>870304</v>
          </cell>
          <cell r="D2481" t="str">
            <v>dotNETマガジン 2003年4月号</v>
          </cell>
          <cell r="E2481">
            <v>1314</v>
          </cell>
        </row>
        <row r="2482">
          <cell r="C2482">
            <v>870305</v>
          </cell>
          <cell r="D2482" t="str">
            <v>dotNETマガジン 2003年5月号</v>
          </cell>
          <cell r="E2482">
            <v>1314</v>
          </cell>
        </row>
        <row r="2483">
          <cell r="C2483">
            <v>870306</v>
          </cell>
          <cell r="D2483" t="str">
            <v>dotNETマガジン 2003年6月号</v>
          </cell>
          <cell r="E2483">
            <v>1314</v>
          </cell>
        </row>
        <row r="2484">
          <cell r="C2484">
            <v>870307</v>
          </cell>
          <cell r="D2484" t="str">
            <v>dotNETマガジン 2003年7月号</v>
          </cell>
          <cell r="E2484">
            <v>1314</v>
          </cell>
        </row>
        <row r="2485">
          <cell r="C2485">
            <v>870308</v>
          </cell>
          <cell r="D2485" t="str">
            <v>dotNETマガジン 2003年8月号</v>
          </cell>
          <cell r="E2485">
            <v>1314</v>
          </cell>
        </row>
        <row r="2486">
          <cell r="C2486">
            <v>870309</v>
          </cell>
          <cell r="D2486" t="str">
            <v>dotNETマガジン 2003年9月号</v>
          </cell>
          <cell r="E2486">
            <v>1505</v>
          </cell>
        </row>
        <row r="2487">
          <cell r="C2487">
            <v>870310</v>
          </cell>
          <cell r="D2487" t="str">
            <v>dotNETマガジン 2003年10月号</v>
          </cell>
          <cell r="E2487">
            <v>1314</v>
          </cell>
        </row>
        <row r="2488">
          <cell r="C2488">
            <v>870311</v>
          </cell>
          <cell r="D2488" t="str">
            <v>dotNETマガジン 2003年11月号</v>
          </cell>
          <cell r="E2488">
            <v>1314</v>
          </cell>
        </row>
        <row r="2489">
          <cell r="C2489">
            <v>870312</v>
          </cell>
          <cell r="D2489" t="str">
            <v>dotNETマガジン 2003年12月号</v>
          </cell>
          <cell r="E2489">
            <v>1314</v>
          </cell>
        </row>
        <row r="2490">
          <cell r="C2490">
            <v>870401</v>
          </cell>
          <cell r="D2490" t="str">
            <v>dotNETマガジン 2004年1月号</v>
          </cell>
          <cell r="E2490">
            <v>1314</v>
          </cell>
        </row>
        <row r="2491">
          <cell r="C2491">
            <v>870402</v>
          </cell>
          <cell r="D2491" t="str">
            <v>dotNETマガジン 2004年2月号</v>
          </cell>
          <cell r="E2491">
            <v>1314</v>
          </cell>
        </row>
        <row r="2492">
          <cell r="C2492">
            <v>870403</v>
          </cell>
          <cell r="D2492" t="str">
            <v>dotNETマガジン 2004年3月号</v>
          </cell>
          <cell r="E2492">
            <v>1314</v>
          </cell>
        </row>
        <row r="2493">
          <cell r="C2493">
            <v>870404</v>
          </cell>
          <cell r="D2493" t="str">
            <v>dotNETマガジン 2004年4月号</v>
          </cell>
          <cell r="E2493">
            <v>1314</v>
          </cell>
        </row>
        <row r="2494">
          <cell r="C2494">
            <v>870405</v>
          </cell>
          <cell r="D2494" t="str">
            <v>dotNETマガジン 2004年5月号</v>
          </cell>
          <cell r="E2494">
            <v>1314</v>
          </cell>
        </row>
        <row r="2495">
          <cell r="C2495">
            <v>870406</v>
          </cell>
          <cell r="D2495" t="str">
            <v>dotNETマガジン 2004年6月号</v>
          </cell>
          <cell r="E2495">
            <v>1314</v>
          </cell>
        </row>
        <row r="2496">
          <cell r="C2496">
            <v>870407</v>
          </cell>
          <cell r="D2496" t="str">
            <v>dotNETマガジン 2004年7月号</v>
          </cell>
          <cell r="E2496">
            <v>1314</v>
          </cell>
        </row>
        <row r="2497">
          <cell r="C2497">
            <v>870408</v>
          </cell>
          <cell r="D2497" t="str">
            <v>dotNETマガジン 2004年8月号</v>
          </cell>
          <cell r="E2497">
            <v>1314</v>
          </cell>
        </row>
        <row r="2498">
          <cell r="C2498">
            <v>870409</v>
          </cell>
          <cell r="D2498" t="str">
            <v>dotNETマガジン 2004年9月号</v>
          </cell>
          <cell r="E2498">
            <v>1314</v>
          </cell>
        </row>
        <row r="2499">
          <cell r="C2499">
            <v>870410</v>
          </cell>
          <cell r="D2499" t="str">
            <v>dotNETマガジン 2004年10月号</v>
          </cell>
          <cell r="E2499">
            <v>1505</v>
          </cell>
        </row>
        <row r="2500">
          <cell r="C2500">
            <v>870411</v>
          </cell>
          <cell r="D2500" t="str">
            <v>dotNETマガジン 2004年11月号</v>
          </cell>
          <cell r="E2500">
            <v>1314</v>
          </cell>
        </row>
        <row r="2501">
          <cell r="C2501">
            <v>870412</v>
          </cell>
          <cell r="D2501" t="str">
            <v>dotNETマガジン 2004年12月号</v>
          </cell>
          <cell r="E2501">
            <v>1314</v>
          </cell>
        </row>
        <row r="2502">
          <cell r="C2502">
            <v>870501</v>
          </cell>
          <cell r="D2502" t="str">
            <v>dotNETマガジン 2005年1月号</v>
          </cell>
          <cell r="E2502">
            <v>1314</v>
          </cell>
        </row>
        <row r="2503">
          <cell r="C2503">
            <v>870502</v>
          </cell>
          <cell r="D2503" t="str">
            <v>dotNETマガジン 2005年2月号</v>
          </cell>
          <cell r="E2503">
            <v>1314</v>
          </cell>
        </row>
        <row r="2504">
          <cell r="C2504">
            <v>870503</v>
          </cell>
          <cell r="D2504" t="str">
            <v>dotNETマガジン 2005年3月号</v>
          </cell>
          <cell r="E2504">
            <v>1314</v>
          </cell>
        </row>
        <row r="2505">
          <cell r="C2505">
            <v>870504</v>
          </cell>
          <cell r="D2505" t="str">
            <v>dotNETマガジン 2005年4月号</v>
          </cell>
          <cell r="E2505">
            <v>1314</v>
          </cell>
        </row>
        <row r="2506">
          <cell r="C2506">
            <v>870505</v>
          </cell>
          <cell r="D2506" t="str">
            <v>WindowsDeveloperマガジン 2005年5月号</v>
          </cell>
          <cell r="E2506">
            <v>1314</v>
          </cell>
        </row>
        <row r="2507">
          <cell r="C2507">
            <v>870506</v>
          </cell>
          <cell r="D2507" t="str">
            <v>WindowsDeveloperマガジン 2005年6月号</v>
          </cell>
          <cell r="E2507">
            <v>1314</v>
          </cell>
        </row>
        <row r="2508">
          <cell r="C2508">
            <v>870507</v>
          </cell>
          <cell r="D2508" t="str">
            <v>WindowsDeveloperマガジン 2005年7月号</v>
          </cell>
          <cell r="E2508">
            <v>1314</v>
          </cell>
        </row>
        <row r="2509">
          <cell r="C2509">
            <v>870508</v>
          </cell>
          <cell r="D2509" t="str">
            <v>WindowsDeveloperマガジン 2005年8月号</v>
          </cell>
          <cell r="E2509">
            <v>1314</v>
          </cell>
        </row>
        <row r="2510">
          <cell r="C2510">
            <v>870509</v>
          </cell>
          <cell r="D2510" t="str">
            <v>WindowsDeveloperマガジン 2005年9月号</v>
          </cell>
          <cell r="E2510">
            <v>1314</v>
          </cell>
        </row>
        <row r="2511">
          <cell r="C2511">
            <v>870510</v>
          </cell>
          <cell r="D2511" t="str">
            <v>WindowsDeveloperマガジン 2005年10月号</v>
          </cell>
          <cell r="E2511">
            <v>1314</v>
          </cell>
        </row>
        <row r="2512">
          <cell r="C2512">
            <v>870511</v>
          </cell>
          <cell r="D2512" t="str">
            <v>WindowsDeveloperマガジン 2005年11月号</v>
          </cell>
          <cell r="E2512">
            <v>1314</v>
          </cell>
        </row>
        <row r="2513">
          <cell r="C2513">
            <v>870512</v>
          </cell>
          <cell r="D2513" t="str">
            <v>WindowsDeveloperマガジン 2005年12月号</v>
          </cell>
          <cell r="E2513">
            <v>1314</v>
          </cell>
        </row>
        <row r="2514">
          <cell r="C2514">
            <v>870601</v>
          </cell>
          <cell r="D2514" t="str">
            <v>WindowsDeveloperマガジン 2006年1月号</v>
          </cell>
          <cell r="E2514">
            <v>1314</v>
          </cell>
        </row>
        <row r="2515">
          <cell r="C2515">
            <v>870602</v>
          </cell>
          <cell r="D2515" t="str">
            <v>WindowsDeveloperマガジン 2006年2月号</v>
          </cell>
          <cell r="E2515">
            <v>1314</v>
          </cell>
        </row>
        <row r="2516">
          <cell r="C2516">
            <v>870603</v>
          </cell>
          <cell r="D2516" t="str">
            <v>WindowsDeveloperマガジン 2006年3月号</v>
          </cell>
          <cell r="E2516">
            <v>1314</v>
          </cell>
        </row>
        <row r="2517">
          <cell r="C2517">
            <v>870604</v>
          </cell>
          <cell r="D2517" t="str">
            <v>WindowsDeveloperマガジン 2006年4月号</v>
          </cell>
          <cell r="E2517">
            <v>1314</v>
          </cell>
        </row>
        <row r="2518">
          <cell r="C2518">
            <v>870605</v>
          </cell>
          <cell r="D2518" t="str">
            <v>WindowsDeveloperマガジン 2006年5月号</v>
          </cell>
          <cell r="E2518">
            <v>1314</v>
          </cell>
        </row>
        <row r="2519">
          <cell r="C2519">
            <v>870606</v>
          </cell>
          <cell r="D2519" t="str">
            <v>WindowsDeveloperマガジン 2006年6月号</v>
          </cell>
          <cell r="E2519">
            <v>1314</v>
          </cell>
        </row>
        <row r="2520">
          <cell r="C2520">
            <v>870607</v>
          </cell>
          <cell r="D2520" t="str">
            <v>WindowsDeveloperマガジン 2006年7月号</v>
          </cell>
          <cell r="E2520">
            <v>1314</v>
          </cell>
        </row>
        <row r="2521">
          <cell r="C2521">
            <v>870608</v>
          </cell>
          <cell r="D2521" t="str">
            <v>WindowsDeveloperマガジン 2006年8月号</v>
          </cell>
          <cell r="E2521">
            <v>1314</v>
          </cell>
        </row>
        <row r="2522">
          <cell r="C2522">
            <v>870609</v>
          </cell>
          <cell r="D2522" t="str">
            <v>WindowsDeveloperマガジン 2006年9月号</v>
          </cell>
          <cell r="E2522">
            <v>1314</v>
          </cell>
        </row>
        <row r="2523">
          <cell r="C2523">
            <v>870610</v>
          </cell>
          <cell r="D2523" t="str">
            <v>WindowsDeveloperマガジン 2006年10月号</v>
          </cell>
          <cell r="E2523">
            <v>1314</v>
          </cell>
        </row>
        <row r="2524">
          <cell r="C2524">
            <v>870611</v>
          </cell>
          <cell r="D2524" t="str">
            <v>WindowsDeveloperマガジン 2006年11月号</v>
          </cell>
          <cell r="E2524">
            <v>1314</v>
          </cell>
        </row>
        <row r="2525">
          <cell r="C2525">
            <v>870612</v>
          </cell>
          <cell r="D2525" t="str">
            <v>WindowsDeveloperマガジン 2006年12月号</v>
          </cell>
          <cell r="E2525">
            <v>1314</v>
          </cell>
        </row>
        <row r="2526">
          <cell r="C2526">
            <v>870701</v>
          </cell>
          <cell r="D2526" t="str">
            <v>WindowsDeveloperマガジン 2007年1月号</v>
          </cell>
          <cell r="E2526">
            <v>1314</v>
          </cell>
        </row>
        <row r="2527">
          <cell r="C2527">
            <v>880004</v>
          </cell>
          <cell r="D2527" t="str">
            <v>Windows2000プログラマーズ救急ガイド(VBマガジン2000年4月号増刊))</v>
          </cell>
          <cell r="E2527">
            <v>1505</v>
          </cell>
        </row>
        <row r="2528">
          <cell r="C2528">
            <v>880005</v>
          </cell>
          <cell r="D2528" t="str">
            <v>VisualBasicマガジン forビギナーズ(VBマガジン2000年5月号増刊)</v>
          </cell>
          <cell r="E2528">
            <v>1314</v>
          </cell>
        </row>
        <row r="2529">
          <cell r="C2529">
            <v>880012</v>
          </cell>
          <cell r="D2529" t="str">
            <v>2001年 年賀状イラスト素材集(VBマガジン2000年12月号増刊)</v>
          </cell>
          <cell r="E2529">
            <v>1505</v>
          </cell>
        </row>
        <row r="2530">
          <cell r="C2530">
            <v>880101</v>
          </cell>
          <cell r="D2530" t="str">
            <v>XMLマガジン03(VBマガジン2001年1月号増刊)</v>
          </cell>
          <cell r="E2530">
            <v>1505</v>
          </cell>
        </row>
        <row r="2531">
          <cell r="C2531">
            <v>880104</v>
          </cell>
          <cell r="D2531" t="str">
            <v>XMLマガジン04(VBマガジン2001年4月号増刊)</v>
          </cell>
          <cell r="E2531">
            <v>1505</v>
          </cell>
        </row>
        <row r="2532">
          <cell r="C2532">
            <v>880106</v>
          </cell>
          <cell r="D2532" t="str">
            <v>Eコマース最新ソリューションガイドマイクロソフト編(VBマガジン2001年6月号増刊)</v>
          </cell>
          <cell r="E2532">
            <v>1505</v>
          </cell>
        </row>
        <row r="2533">
          <cell r="C2533">
            <v>880107</v>
          </cell>
          <cell r="D2533" t="str">
            <v>XMLマガジン夏号(VBマガジン2001年7月号増刊)</v>
          </cell>
          <cell r="E2533">
            <v>1505</v>
          </cell>
        </row>
        <row r="2534">
          <cell r="C2534">
            <v>880110</v>
          </cell>
          <cell r="D2534" t="str">
            <v>XMLマガジン秋号(VBマガジン2001年10月号増刊)</v>
          </cell>
          <cell r="E2534">
            <v>1505</v>
          </cell>
        </row>
        <row r="2535">
          <cell r="C2535">
            <v>880111</v>
          </cell>
          <cell r="D2535" t="str">
            <v>Security MagazineVol.1(VBマガジン2001年11月号増刊)</v>
          </cell>
          <cell r="E2535">
            <v>1314</v>
          </cell>
        </row>
        <row r="2536">
          <cell r="C2536">
            <v>880112</v>
          </cell>
          <cell r="D2536" t="str">
            <v>2002年 年賀状イラスト素材集(VBマガジン2001年12月号増刊)</v>
          </cell>
          <cell r="E2536">
            <v>1314</v>
          </cell>
        </row>
        <row r="2537">
          <cell r="C2537">
            <v>880201</v>
          </cell>
          <cell r="D2537" t="str">
            <v>パパッと出せる年賀状 2002(dotNETマガジン2002年1月号増刊)</v>
          </cell>
          <cell r="E2537">
            <v>743</v>
          </cell>
        </row>
        <row r="2538">
          <cell r="C2538">
            <v>880202</v>
          </cell>
          <cell r="D2538" t="str">
            <v>XMLマガジン冬号(VBマガジン2002年2月号増刊)</v>
          </cell>
          <cell r="E2538">
            <v>1505</v>
          </cell>
        </row>
        <row r="2539">
          <cell r="C2539">
            <v>880203</v>
          </cell>
          <cell r="D2539" t="str">
            <v>Security MagazineVol.2(VBマガジン2002年3月号増刊)</v>
          </cell>
          <cell r="E2539">
            <v>1314</v>
          </cell>
        </row>
        <row r="2540">
          <cell r="C2540">
            <v>880204</v>
          </cell>
          <cell r="D2540" t="str">
            <v>NEXT ENGINEER Vol.1(VBマガジン2002年4月号増刊)</v>
          </cell>
          <cell r="E2540">
            <v>933</v>
          </cell>
        </row>
        <row r="2541">
          <cell r="C2541">
            <v>880205</v>
          </cell>
          <cell r="D2541" t="str">
            <v>Security MagazineVol.3(VBマガジン2002年5月号増刊)</v>
          </cell>
          <cell r="E2541">
            <v>1314</v>
          </cell>
        </row>
        <row r="2542">
          <cell r="C2542">
            <v>880206</v>
          </cell>
          <cell r="D2542" t="str">
            <v>NEXT ENGINEER Vol.2(VBマガジン2002年6月号増刊)</v>
          </cell>
          <cell r="E2542">
            <v>933</v>
          </cell>
        </row>
        <row r="2543">
          <cell r="C2543">
            <v>880207</v>
          </cell>
          <cell r="D2543" t="str">
            <v>Security MagazineVol.4(VBマガジン2002年7月号増刊)</v>
          </cell>
          <cell r="E2543">
            <v>1314</v>
          </cell>
        </row>
        <row r="2544">
          <cell r="C2544">
            <v>880208</v>
          </cell>
          <cell r="D2544" t="str">
            <v>NEXT ENGINEER Vol.3(VBマガジン2002年8月号増刊)</v>
          </cell>
          <cell r="E2544">
            <v>933</v>
          </cell>
        </row>
        <row r="2545">
          <cell r="C2545">
            <v>880209</v>
          </cell>
          <cell r="D2545" t="str">
            <v>Security MagazineVol.5(VBマガジン2002年9月号増刊)</v>
          </cell>
          <cell r="E2545">
            <v>1314</v>
          </cell>
        </row>
        <row r="2546">
          <cell r="C2546">
            <v>880210</v>
          </cell>
          <cell r="D2546" t="str">
            <v>NEXT ENGINEER Vol.4(VBマガジン2002年10月号増刊)</v>
          </cell>
          <cell r="E2546">
            <v>933</v>
          </cell>
        </row>
        <row r="2547">
          <cell r="C2547">
            <v>880211</v>
          </cell>
          <cell r="D2547" t="str">
            <v>2003年 年賀状イラスト素材集(dotNETマガジン2002年11月号増刊)</v>
          </cell>
          <cell r="E2547">
            <v>1314</v>
          </cell>
        </row>
        <row r="2548">
          <cell r="C2548">
            <v>880212</v>
          </cell>
          <cell r="D2548" t="str">
            <v>パパッと出せる年賀状 2003(dotNETマガジン2002年12月号増刊)</v>
          </cell>
          <cell r="E2548">
            <v>743</v>
          </cell>
        </row>
        <row r="2549">
          <cell r="C2549">
            <v>880301</v>
          </cell>
          <cell r="D2549" t="str">
            <v>NEXT ENGINEER Vol.7(dotNETマガジン2003年1月号増刊)</v>
          </cell>
          <cell r="E2549">
            <v>1219</v>
          </cell>
        </row>
        <row r="2550">
          <cell r="C2550">
            <v>880302</v>
          </cell>
          <cell r="D2550" t="str">
            <v>NEXT ENGINEER Vol.8(dotNETマガジ2003年2月号増刊)</v>
          </cell>
          <cell r="E2550">
            <v>1219</v>
          </cell>
        </row>
        <row r="2551">
          <cell r="C2551">
            <v>880303</v>
          </cell>
          <cell r="D2551" t="str">
            <v>NEXT ENGINEER Vol.9(dotNETマガジン2003年3月号増刊)</v>
          </cell>
          <cell r="E2551">
            <v>1219</v>
          </cell>
        </row>
        <row r="2552">
          <cell r="C2552">
            <v>880304</v>
          </cell>
          <cell r="D2552" t="str">
            <v>NEXT ENGINEER Vol.10(dotNETマガジン2003年4月号増刊)</v>
          </cell>
          <cell r="E2552">
            <v>1219</v>
          </cell>
        </row>
        <row r="2553">
          <cell r="C2553">
            <v>880305</v>
          </cell>
          <cell r="D2553" t="str">
            <v>NEXT ENGINEER Vol.11(dotNETマガジン2003年5月号増刊)</v>
          </cell>
          <cell r="E2553">
            <v>1219</v>
          </cell>
        </row>
        <row r="2554">
          <cell r="C2554">
            <v>880311</v>
          </cell>
          <cell r="D2554" t="str">
            <v>2004年 年賀状イラスト素材集(dotNETマガジン2004年11月号増刊)</v>
          </cell>
          <cell r="E2554">
            <v>1314</v>
          </cell>
        </row>
        <row r="2555">
          <cell r="C2555">
            <v>880312</v>
          </cell>
          <cell r="D2555" t="str">
            <v>パパッと出せる年賀状 2004(dotNETマガジン2003年12月号増刊)</v>
          </cell>
          <cell r="E2555">
            <v>743</v>
          </cell>
        </row>
        <row r="2556">
          <cell r="C2556">
            <v>880401</v>
          </cell>
          <cell r="D2556" t="str">
            <v>XMLビジネス白書 2004(dotNETマガジン2004年1月号増刊)</v>
          </cell>
          <cell r="E2556">
            <v>1886</v>
          </cell>
        </row>
        <row r="2557">
          <cell r="C2557">
            <v>880411</v>
          </cell>
          <cell r="D2557" t="str">
            <v>2005年 年賀状イラスト素材集(dotNETマガジン2004年11月号増刊)</v>
          </cell>
          <cell r="E2557">
            <v>1314</v>
          </cell>
        </row>
        <row r="2558">
          <cell r="C2558">
            <v>880412</v>
          </cell>
          <cell r="D2558" t="str">
            <v>パパッと出せる年賀状 2005(dotNETマガジン2004年12月号増刊)</v>
          </cell>
          <cell r="E2558">
            <v>552</v>
          </cell>
        </row>
        <row r="2559">
          <cell r="C2559">
            <v>880509</v>
          </cell>
          <cell r="D2559" t="str">
            <v>Visual Studio2005開発完全ガイド(WDM2005年9月号別冊)</v>
          </cell>
          <cell r="E2559">
            <v>2667</v>
          </cell>
        </row>
        <row r="2560">
          <cell r="C2560">
            <v>880511</v>
          </cell>
          <cell r="D2560" t="str">
            <v>DESIGN QUARTERLY vol.1 2005年秋(WDM2005年11月号増刊)</v>
          </cell>
          <cell r="E2560">
            <v>1600</v>
          </cell>
        </row>
        <row r="2561">
          <cell r="C2561">
            <v>880603</v>
          </cell>
          <cell r="D2561" t="str">
            <v>DESIGN QUARTERLY vol.2 2006年冬(WDM2006年3月号増刊)</v>
          </cell>
          <cell r="E2561">
            <v>1600</v>
          </cell>
        </row>
        <row r="2562">
          <cell r="C2562">
            <v>880607</v>
          </cell>
          <cell r="D2562" t="str">
            <v>DESIGN QUARTERLY vol.3 2006年夏(WDM2006年7月号増刊)</v>
          </cell>
          <cell r="E2562">
            <v>1600</v>
          </cell>
        </row>
        <row r="2563">
          <cell r="C2563">
            <v>880612</v>
          </cell>
          <cell r="D2563" t="str">
            <v>DESIGN QUARTERLY vol.4 2006年秋(WDM2006年12月号増刊)</v>
          </cell>
          <cell r="E2563">
            <v>1600</v>
          </cell>
        </row>
      </sheetData>
      <sheetData sheetId="1">
        <row r="4">
          <cell r="W4">
            <v>39114</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379"/>
  <sheetViews>
    <sheetView showGridLines="0" tabSelected="1" view="pageBreakPreview" zoomScale="25" zoomScaleNormal="25" zoomScaleSheetLayoutView="25" workbookViewId="0"/>
  </sheetViews>
  <sheetFormatPr defaultColWidth="10.375" defaultRowHeight="25.5"/>
  <cols>
    <col min="1" max="1" width="2.875" style="40" customWidth="1"/>
    <col min="2" max="2" width="18.125" style="42" customWidth="1"/>
    <col min="3" max="3" width="35.875" style="42" customWidth="1"/>
    <col min="4" max="5" width="10.875" style="42" customWidth="1"/>
    <col min="6" max="6" width="88.875" style="43" customWidth="1"/>
    <col min="7" max="7" width="25.875" style="42" customWidth="1"/>
    <col min="8" max="8" width="20.875" style="44" customWidth="1"/>
    <col min="9" max="10" width="20.875" style="40" customWidth="1"/>
    <col min="11" max="11" width="2.875" style="41" customWidth="1"/>
    <col min="12" max="12" width="19.125" style="42" customWidth="1"/>
    <col min="13" max="13" width="35.875" style="42" customWidth="1"/>
    <col min="14" max="15" width="10.875" style="42" customWidth="1"/>
    <col min="16" max="16" width="88.875" style="43" customWidth="1"/>
    <col min="17" max="17" width="25.875" style="42" customWidth="1"/>
    <col min="18" max="18" width="20.875" style="45" customWidth="1"/>
    <col min="19" max="19" width="20.875" style="44" customWidth="1"/>
    <col min="20" max="20" width="20.875" style="40" customWidth="1"/>
    <col min="21" max="21" width="12.125" style="40" customWidth="1"/>
    <col min="22" max="22" width="1.875" style="40" customWidth="1"/>
    <col min="23" max="24" width="12.125" style="40" hidden="1" customWidth="1"/>
    <col min="25" max="16384" width="10.375" style="40"/>
  </cols>
  <sheetData>
    <row r="1" spans="2:24" s="1" customFormat="1" ht="30.6" customHeight="1">
      <c r="P1" s="5"/>
      <c r="Q1" s="2"/>
      <c r="R1" s="6"/>
      <c r="S1" s="3"/>
    </row>
    <row r="2" spans="2:24" s="1" customFormat="1" ht="77.099999999999994" customHeight="1">
      <c r="B2" s="152" t="s">
        <v>98</v>
      </c>
      <c r="C2" s="152"/>
      <c r="D2" s="152"/>
      <c r="E2" s="152"/>
      <c r="F2" s="152"/>
      <c r="G2" s="152"/>
      <c r="H2" s="152"/>
      <c r="I2" s="152"/>
      <c r="J2" s="152"/>
      <c r="K2" s="152"/>
      <c r="L2" s="152"/>
      <c r="M2" s="152"/>
      <c r="N2" s="152"/>
      <c r="O2" s="75"/>
      <c r="P2" s="7"/>
      <c r="Q2" s="8"/>
      <c r="R2" s="6"/>
      <c r="S2" s="9"/>
      <c r="T2" s="9"/>
      <c r="U2" s="10"/>
      <c r="V2" s="10"/>
      <c r="W2" s="10"/>
      <c r="X2" s="10"/>
    </row>
    <row r="3" spans="2:24" s="1" customFormat="1" ht="77.099999999999994" customHeight="1">
      <c r="B3" s="153" t="s">
        <v>511</v>
      </c>
      <c r="C3" s="154"/>
      <c r="D3" s="154"/>
      <c r="E3" s="154"/>
      <c r="F3" s="154"/>
      <c r="G3" s="154"/>
      <c r="H3" s="154"/>
      <c r="I3" s="154"/>
      <c r="J3" s="154"/>
      <c r="K3" s="154"/>
      <c r="L3" s="154"/>
      <c r="M3" s="154"/>
      <c r="N3" s="46"/>
      <c r="O3" s="46"/>
      <c r="P3" s="11"/>
      <c r="Q3" s="8"/>
      <c r="R3" s="6"/>
      <c r="S3" s="12"/>
      <c r="T3" s="13"/>
      <c r="U3" s="13"/>
      <c r="V3" s="13"/>
      <c r="W3" s="13"/>
      <c r="X3" s="13"/>
    </row>
    <row r="4" spans="2:24" s="1" customFormat="1" ht="77.099999999999994" customHeight="1">
      <c r="B4" s="155" t="s">
        <v>258</v>
      </c>
      <c r="C4" s="155"/>
      <c r="D4" s="155"/>
      <c r="E4" s="155"/>
      <c r="F4" s="155"/>
      <c r="G4" s="155"/>
      <c r="H4" s="155"/>
      <c r="I4" s="155"/>
      <c r="J4" s="155"/>
      <c r="K4" s="155"/>
      <c r="L4" s="155"/>
      <c r="M4" s="155"/>
      <c r="N4" s="46"/>
      <c r="O4" s="46"/>
      <c r="P4" s="14"/>
      <c r="Q4" s="15"/>
      <c r="R4" s="16"/>
      <c r="S4" s="17"/>
      <c r="T4" s="17"/>
      <c r="U4" s="17"/>
      <c r="V4" s="17"/>
      <c r="W4" s="17"/>
      <c r="X4" s="17"/>
    </row>
    <row r="5" spans="2:24" s="1" customFormat="1" ht="77.099999999999994" customHeight="1">
      <c r="B5" s="155"/>
      <c r="C5" s="155"/>
      <c r="D5" s="155"/>
      <c r="E5" s="155"/>
      <c r="F5" s="155"/>
      <c r="G5" s="155"/>
      <c r="H5" s="155"/>
      <c r="I5" s="155"/>
      <c r="J5" s="155"/>
      <c r="K5" s="155"/>
      <c r="L5" s="155"/>
      <c r="M5" s="155"/>
      <c r="N5" s="46"/>
      <c r="O5" s="46"/>
      <c r="P5" s="5"/>
      <c r="Q5" s="20"/>
      <c r="R5" s="21"/>
      <c r="S5" s="21"/>
      <c r="T5" s="22"/>
      <c r="U5" s="22"/>
      <c r="V5" s="22"/>
      <c r="W5" s="22"/>
      <c r="X5" s="22"/>
    </row>
    <row r="6" spans="2:24" s="1" customFormat="1" ht="77.099999999999994" customHeight="1">
      <c r="B6" s="155"/>
      <c r="C6" s="155"/>
      <c r="D6" s="155"/>
      <c r="E6" s="155"/>
      <c r="F6" s="155"/>
      <c r="G6" s="155"/>
      <c r="H6" s="155"/>
      <c r="I6" s="155"/>
      <c r="J6" s="155"/>
      <c r="K6" s="155"/>
      <c r="L6" s="155"/>
      <c r="M6" s="155"/>
      <c r="N6" s="46"/>
      <c r="O6" s="46"/>
      <c r="P6" s="5"/>
      <c r="Q6" s="22"/>
      <c r="T6" s="22"/>
      <c r="U6" s="22"/>
      <c r="V6" s="22"/>
      <c r="W6" s="22"/>
      <c r="X6" s="22"/>
    </row>
    <row r="7" spans="2:24" s="1" customFormat="1" ht="77.099999999999994" customHeight="1">
      <c r="B7" s="155"/>
      <c r="C7" s="155"/>
      <c r="D7" s="155"/>
      <c r="E7" s="155"/>
      <c r="F7" s="155"/>
      <c r="G7" s="155"/>
      <c r="H7" s="155"/>
      <c r="I7" s="155"/>
      <c r="J7" s="155"/>
      <c r="K7" s="155"/>
      <c r="L7" s="155"/>
      <c r="M7" s="155"/>
      <c r="N7" s="46"/>
      <c r="O7" s="46"/>
      <c r="P7" s="5"/>
      <c r="Q7" s="22"/>
      <c r="R7" s="21"/>
      <c r="S7" s="22"/>
      <c r="T7" s="22"/>
      <c r="U7" s="22"/>
      <c r="V7" s="22"/>
      <c r="W7" s="22"/>
      <c r="X7" s="22"/>
    </row>
    <row r="8" spans="2:24" s="1" customFormat="1" ht="77.099999999999994" customHeight="1">
      <c r="B8" s="155"/>
      <c r="C8" s="155"/>
      <c r="D8" s="155"/>
      <c r="E8" s="155"/>
      <c r="F8" s="155"/>
      <c r="G8" s="155"/>
      <c r="H8" s="155"/>
      <c r="I8" s="155"/>
      <c r="J8" s="155"/>
      <c r="K8" s="155"/>
      <c r="L8" s="155"/>
      <c r="M8" s="155"/>
      <c r="N8" s="46"/>
      <c r="O8" s="46"/>
      <c r="P8" s="5"/>
      <c r="Q8" s="22"/>
      <c r="R8" s="21"/>
      <c r="S8" s="22"/>
      <c r="T8" s="22"/>
      <c r="U8" s="22"/>
      <c r="V8" s="22"/>
      <c r="W8" s="22"/>
      <c r="X8" s="22"/>
    </row>
    <row r="9" spans="2:24" s="1" customFormat="1" ht="77.099999999999994" customHeight="1">
      <c r="B9" s="156" t="s">
        <v>512</v>
      </c>
      <c r="C9" s="156"/>
      <c r="D9" s="156"/>
      <c r="E9" s="156"/>
      <c r="F9" s="156"/>
      <c r="G9" s="156"/>
      <c r="H9" s="156"/>
      <c r="I9" s="156"/>
      <c r="J9" s="156"/>
      <c r="K9" s="156"/>
      <c r="L9" s="156"/>
      <c r="M9" s="156"/>
      <c r="N9" s="156"/>
      <c r="O9" s="77"/>
      <c r="P9" s="5"/>
      <c r="Q9" s="22"/>
      <c r="R9" s="21"/>
      <c r="S9" s="22"/>
      <c r="T9" s="22"/>
      <c r="U9" s="22"/>
      <c r="V9" s="22"/>
      <c r="W9" s="22"/>
      <c r="X9" s="22"/>
    </row>
    <row r="10" spans="2:24" s="1" customFormat="1" ht="77.099999999999994" customHeight="1">
      <c r="B10" s="47"/>
      <c r="C10" s="157" t="s">
        <v>19</v>
      </c>
      <c r="D10" s="157"/>
      <c r="E10" s="157"/>
      <c r="F10" s="157"/>
      <c r="G10" s="157"/>
      <c r="H10" s="157"/>
      <c r="I10" s="157"/>
      <c r="J10" s="157"/>
      <c r="K10" s="157"/>
      <c r="L10" s="157"/>
      <c r="M10" s="157"/>
      <c r="N10" s="47"/>
      <c r="O10" s="70"/>
      <c r="P10" s="158" t="s">
        <v>17</v>
      </c>
      <c r="Q10" s="158"/>
      <c r="R10" s="158"/>
      <c r="S10" s="158"/>
      <c r="T10" s="22"/>
      <c r="U10" s="22"/>
      <c r="V10" s="22"/>
      <c r="W10" s="22"/>
      <c r="X10" s="22"/>
    </row>
    <row r="11" spans="2:24" s="1" customFormat="1" ht="77.099999999999994" customHeight="1">
      <c r="G11" s="18"/>
      <c r="H11" s="18"/>
      <c r="I11" s="19"/>
      <c r="K11" s="4"/>
      <c r="P11" s="151" t="s">
        <v>18</v>
      </c>
      <c r="Q11" s="151"/>
      <c r="R11" s="151"/>
      <c r="S11" s="151"/>
      <c r="T11" s="22"/>
      <c r="U11" s="22"/>
      <c r="V11" s="22"/>
      <c r="W11" s="22"/>
      <c r="X11" s="22"/>
    </row>
    <row r="12" spans="2:24" s="28" customFormat="1" ht="81.599999999999994" customHeight="1">
      <c r="B12" s="23" t="s">
        <v>20</v>
      </c>
      <c r="C12" s="23" t="s">
        <v>0</v>
      </c>
      <c r="D12" s="23" t="s">
        <v>21</v>
      </c>
      <c r="E12" s="66" t="s">
        <v>73</v>
      </c>
      <c r="F12" s="24" t="s">
        <v>1</v>
      </c>
      <c r="G12" s="24" t="s">
        <v>2</v>
      </c>
      <c r="H12" s="24" t="s">
        <v>3</v>
      </c>
      <c r="I12" s="24" t="s">
        <v>4</v>
      </c>
      <c r="J12" s="26" t="s">
        <v>5</v>
      </c>
      <c r="K12" s="25"/>
      <c r="L12" s="23" t="s">
        <v>20</v>
      </c>
      <c r="M12" s="23" t="s">
        <v>0</v>
      </c>
      <c r="N12" s="23" t="s">
        <v>21</v>
      </c>
      <c r="O12" s="66" t="s">
        <v>73</v>
      </c>
      <c r="P12" s="24" t="s">
        <v>1</v>
      </c>
      <c r="Q12" s="24" t="s">
        <v>2</v>
      </c>
      <c r="R12" s="24" t="s">
        <v>3</v>
      </c>
      <c r="S12" s="24" t="s">
        <v>4</v>
      </c>
      <c r="T12" s="26" t="s">
        <v>5</v>
      </c>
      <c r="U12" s="27"/>
    </row>
    <row r="13" spans="2:24" s="28" customFormat="1" ht="130.35" customHeight="1">
      <c r="B13" s="78">
        <v>1</v>
      </c>
      <c r="C13" s="79" t="s">
        <v>107</v>
      </c>
      <c r="D13" s="80" t="s">
        <v>11</v>
      </c>
      <c r="E13" s="118"/>
      <c r="F13" s="88" t="s">
        <v>259</v>
      </c>
      <c r="G13" s="120" t="s">
        <v>260</v>
      </c>
      <c r="H13" s="117">
        <v>1200</v>
      </c>
      <c r="I13" s="84"/>
      <c r="J13" s="85"/>
      <c r="K13" s="86"/>
      <c r="L13" s="78">
        <v>26</v>
      </c>
      <c r="M13" s="79" t="s">
        <v>6</v>
      </c>
      <c r="N13" s="80" t="s">
        <v>9</v>
      </c>
      <c r="O13" s="118"/>
      <c r="P13" s="88" t="s">
        <v>261</v>
      </c>
      <c r="Q13" s="120" t="s">
        <v>262</v>
      </c>
      <c r="R13" s="117">
        <v>880</v>
      </c>
      <c r="S13" s="91"/>
      <c r="T13" s="92"/>
      <c r="U13" s="29"/>
    </row>
    <row r="14" spans="2:24" s="30" customFormat="1" ht="130.35" customHeight="1">
      <c r="B14" s="78">
        <v>2</v>
      </c>
      <c r="C14" s="79" t="s">
        <v>107</v>
      </c>
      <c r="D14" s="80" t="s">
        <v>263</v>
      </c>
      <c r="E14" s="118"/>
      <c r="F14" s="88" t="s">
        <v>264</v>
      </c>
      <c r="G14" s="120" t="s">
        <v>265</v>
      </c>
      <c r="H14" s="117">
        <v>1000</v>
      </c>
      <c r="I14" s="103"/>
      <c r="J14" s="49"/>
      <c r="K14" s="86"/>
      <c r="L14" s="78">
        <v>27</v>
      </c>
      <c r="M14" s="79" t="s">
        <v>6</v>
      </c>
      <c r="N14" s="80" t="s">
        <v>9</v>
      </c>
      <c r="O14" s="118"/>
      <c r="P14" s="119" t="s">
        <v>266</v>
      </c>
      <c r="Q14" s="120" t="s">
        <v>267</v>
      </c>
      <c r="R14" s="117">
        <v>880</v>
      </c>
      <c r="S14" s="91"/>
      <c r="T14" s="92"/>
      <c r="U14" s="29"/>
    </row>
    <row r="15" spans="2:24" s="28" customFormat="1" ht="130.35" customHeight="1">
      <c r="B15" s="78">
        <v>3</v>
      </c>
      <c r="C15" s="79" t="s">
        <v>107</v>
      </c>
      <c r="D15" s="80" t="s">
        <v>11</v>
      </c>
      <c r="E15" s="118"/>
      <c r="F15" s="88" t="s">
        <v>268</v>
      </c>
      <c r="G15" s="120" t="s">
        <v>269</v>
      </c>
      <c r="H15" s="117">
        <v>1980</v>
      </c>
      <c r="I15" s="84"/>
      <c r="J15" s="85"/>
      <c r="K15" s="86"/>
      <c r="L15" s="78">
        <v>28</v>
      </c>
      <c r="M15" s="79" t="s">
        <v>135</v>
      </c>
      <c r="N15" s="80" t="s">
        <v>9</v>
      </c>
      <c r="O15" s="118"/>
      <c r="P15" s="119" t="s">
        <v>270</v>
      </c>
      <c r="Q15" s="120" t="s">
        <v>271</v>
      </c>
      <c r="R15" s="117">
        <v>2280</v>
      </c>
      <c r="S15" s="91"/>
      <c r="T15" s="92"/>
      <c r="U15" s="29"/>
    </row>
    <row r="16" spans="2:24" s="28" customFormat="1" ht="130.35" customHeight="1">
      <c r="B16" s="98">
        <v>4</v>
      </c>
      <c r="C16" s="79" t="s">
        <v>6</v>
      </c>
      <c r="D16" s="80" t="s">
        <v>11</v>
      </c>
      <c r="E16" s="118"/>
      <c r="F16" s="88" t="s">
        <v>272</v>
      </c>
      <c r="G16" s="120" t="s">
        <v>273</v>
      </c>
      <c r="H16" s="117">
        <v>1200</v>
      </c>
      <c r="I16" s="84"/>
      <c r="J16" s="85"/>
      <c r="K16" s="86"/>
      <c r="L16" s="78">
        <v>29</v>
      </c>
      <c r="M16" s="79" t="s">
        <v>274</v>
      </c>
      <c r="N16" s="106" t="s">
        <v>275</v>
      </c>
      <c r="O16" s="114"/>
      <c r="P16" s="100" t="s">
        <v>276</v>
      </c>
      <c r="Q16" s="123" t="s">
        <v>277</v>
      </c>
      <c r="R16" s="125">
        <v>2780</v>
      </c>
      <c r="S16" s="103"/>
      <c r="T16" s="109"/>
      <c r="U16" s="29"/>
    </row>
    <row r="17" spans="2:21" s="28" customFormat="1" ht="130.35" customHeight="1">
      <c r="B17" s="78">
        <v>5</v>
      </c>
      <c r="C17" s="79" t="s">
        <v>6</v>
      </c>
      <c r="D17" s="80" t="s">
        <v>263</v>
      </c>
      <c r="E17" s="118"/>
      <c r="F17" s="88" t="s">
        <v>278</v>
      </c>
      <c r="G17" s="120" t="s">
        <v>279</v>
      </c>
      <c r="H17" s="117">
        <v>1000</v>
      </c>
      <c r="I17" s="103"/>
      <c r="J17" s="109"/>
      <c r="K17" s="86"/>
      <c r="L17" s="78">
        <v>30</v>
      </c>
      <c r="M17" s="79" t="s">
        <v>280</v>
      </c>
      <c r="N17" s="80" t="s">
        <v>275</v>
      </c>
      <c r="O17" s="118"/>
      <c r="P17" s="119" t="s">
        <v>281</v>
      </c>
      <c r="Q17" s="120" t="s">
        <v>282</v>
      </c>
      <c r="R17" s="117">
        <v>1980</v>
      </c>
      <c r="S17" s="91"/>
      <c r="T17" s="92"/>
      <c r="U17" s="29"/>
    </row>
    <row r="18" spans="2:21" s="28" customFormat="1" ht="130.35" customHeight="1">
      <c r="B18" s="78">
        <v>6</v>
      </c>
      <c r="C18" s="79" t="s">
        <v>7</v>
      </c>
      <c r="D18" s="80" t="s">
        <v>11</v>
      </c>
      <c r="E18" s="118"/>
      <c r="F18" s="119" t="s">
        <v>283</v>
      </c>
      <c r="G18" s="120" t="s">
        <v>284</v>
      </c>
      <c r="H18" s="117">
        <v>1200</v>
      </c>
      <c r="I18" s="103"/>
      <c r="J18" s="49"/>
      <c r="K18" s="86"/>
      <c r="L18" s="78">
        <v>31</v>
      </c>
      <c r="M18" s="79" t="s">
        <v>14</v>
      </c>
      <c r="N18" s="80" t="s">
        <v>9</v>
      </c>
      <c r="O18" s="118"/>
      <c r="P18" s="119" t="s">
        <v>285</v>
      </c>
      <c r="Q18" s="120" t="s">
        <v>286</v>
      </c>
      <c r="R18" s="117">
        <v>2680</v>
      </c>
      <c r="S18" s="91"/>
      <c r="T18" s="92"/>
      <c r="U18" s="29"/>
    </row>
    <row r="19" spans="2:21" s="28" customFormat="1" ht="130.35" customHeight="1">
      <c r="B19" s="98">
        <v>7</v>
      </c>
      <c r="C19" s="79" t="s">
        <v>7</v>
      </c>
      <c r="D19" s="80" t="s">
        <v>11</v>
      </c>
      <c r="E19" s="118"/>
      <c r="F19" s="88" t="s">
        <v>287</v>
      </c>
      <c r="G19" s="120" t="s">
        <v>288</v>
      </c>
      <c r="H19" s="117">
        <v>1980</v>
      </c>
      <c r="I19" s="103"/>
      <c r="J19" s="109"/>
      <c r="K19" s="86"/>
      <c r="L19" s="78">
        <v>32</v>
      </c>
      <c r="M19" s="79" t="s">
        <v>14</v>
      </c>
      <c r="N19" s="80" t="s">
        <v>9</v>
      </c>
      <c r="O19" s="118"/>
      <c r="P19" s="88" t="s">
        <v>289</v>
      </c>
      <c r="Q19" s="120" t="s">
        <v>290</v>
      </c>
      <c r="R19" s="117">
        <v>2280</v>
      </c>
      <c r="S19" s="91"/>
      <c r="T19" s="92"/>
      <c r="U19" s="29"/>
    </row>
    <row r="20" spans="2:21" s="28" customFormat="1" ht="130.35" customHeight="1">
      <c r="B20" s="78">
        <v>8</v>
      </c>
      <c r="C20" s="79" t="s">
        <v>145</v>
      </c>
      <c r="D20" s="80" t="s">
        <v>11</v>
      </c>
      <c r="E20" s="118"/>
      <c r="F20" s="88" t="s">
        <v>291</v>
      </c>
      <c r="G20" s="120" t="s">
        <v>292</v>
      </c>
      <c r="H20" s="117">
        <v>1000</v>
      </c>
      <c r="I20" s="103"/>
      <c r="J20" s="109"/>
      <c r="K20" s="86"/>
      <c r="L20" s="78">
        <v>33</v>
      </c>
      <c r="M20" s="79" t="s">
        <v>14</v>
      </c>
      <c r="N20" s="80" t="s">
        <v>9</v>
      </c>
      <c r="O20" s="118"/>
      <c r="P20" s="126" t="s">
        <v>293</v>
      </c>
      <c r="Q20" s="120" t="s">
        <v>294</v>
      </c>
      <c r="R20" s="117">
        <v>2780</v>
      </c>
      <c r="S20" s="91"/>
      <c r="T20" s="92"/>
      <c r="U20" s="29"/>
    </row>
    <row r="21" spans="2:21" s="28" customFormat="1" ht="130.35" customHeight="1">
      <c r="B21" s="98">
        <v>9</v>
      </c>
      <c r="C21" s="79" t="s">
        <v>295</v>
      </c>
      <c r="D21" s="80" t="s">
        <v>11</v>
      </c>
      <c r="E21" s="118"/>
      <c r="F21" s="88" t="s">
        <v>296</v>
      </c>
      <c r="G21" s="120" t="s">
        <v>297</v>
      </c>
      <c r="H21" s="117">
        <v>1000</v>
      </c>
      <c r="I21" s="103"/>
      <c r="J21" s="109"/>
      <c r="K21" s="86"/>
      <c r="L21" s="78">
        <v>34</v>
      </c>
      <c r="M21" s="79" t="s">
        <v>126</v>
      </c>
      <c r="N21" s="80" t="s">
        <v>9</v>
      </c>
      <c r="O21" s="118"/>
      <c r="P21" s="88" t="s">
        <v>298</v>
      </c>
      <c r="Q21" s="120" t="s">
        <v>299</v>
      </c>
      <c r="R21" s="117">
        <v>2980</v>
      </c>
      <c r="S21" s="91"/>
      <c r="T21" s="92"/>
      <c r="U21" s="29"/>
    </row>
    <row r="22" spans="2:21" s="28" customFormat="1" ht="130.35" customHeight="1">
      <c r="B22" s="78">
        <v>10</v>
      </c>
      <c r="C22" s="79" t="s">
        <v>295</v>
      </c>
      <c r="D22" s="80" t="s">
        <v>11</v>
      </c>
      <c r="E22" s="118"/>
      <c r="F22" s="88" t="s">
        <v>300</v>
      </c>
      <c r="G22" s="120" t="s">
        <v>301</v>
      </c>
      <c r="H22" s="117">
        <v>1480</v>
      </c>
      <c r="I22" s="103"/>
      <c r="J22" s="109"/>
      <c r="K22" s="86"/>
      <c r="L22" s="78">
        <v>35</v>
      </c>
      <c r="M22" s="79" t="s">
        <v>126</v>
      </c>
      <c r="N22" s="80" t="s">
        <v>9</v>
      </c>
      <c r="O22" s="118"/>
      <c r="P22" s="88" t="s">
        <v>302</v>
      </c>
      <c r="Q22" s="120" t="s">
        <v>303</v>
      </c>
      <c r="R22" s="117">
        <v>2980</v>
      </c>
      <c r="S22" s="91"/>
      <c r="T22" s="92"/>
    </row>
    <row r="23" spans="2:21" s="28" customFormat="1" ht="130.35" customHeight="1">
      <c r="B23" s="78">
        <v>11</v>
      </c>
      <c r="C23" s="79" t="s">
        <v>304</v>
      </c>
      <c r="D23" s="80" t="s">
        <v>305</v>
      </c>
      <c r="E23" s="118"/>
      <c r="F23" s="119" t="s">
        <v>306</v>
      </c>
      <c r="G23" s="120" t="s">
        <v>307</v>
      </c>
      <c r="H23" s="117">
        <v>1980</v>
      </c>
      <c r="I23" s="84"/>
      <c r="J23" s="85"/>
      <c r="K23" s="86"/>
      <c r="L23" s="78">
        <v>36</v>
      </c>
      <c r="M23" s="79" t="s">
        <v>308</v>
      </c>
      <c r="N23" s="80" t="s">
        <v>275</v>
      </c>
      <c r="O23" s="118" t="s">
        <v>74</v>
      </c>
      <c r="P23" s="88" t="s">
        <v>309</v>
      </c>
      <c r="Q23" s="120" t="s">
        <v>310</v>
      </c>
      <c r="R23" s="117">
        <v>3280</v>
      </c>
      <c r="S23" s="91"/>
      <c r="T23" s="92"/>
      <c r="U23" s="29"/>
    </row>
    <row r="24" spans="2:21" s="28" customFormat="1" ht="130.35" customHeight="1">
      <c r="B24" s="98">
        <v>12</v>
      </c>
      <c r="C24" s="79" t="s">
        <v>6</v>
      </c>
      <c r="D24" s="80" t="s">
        <v>42</v>
      </c>
      <c r="E24" s="118"/>
      <c r="F24" s="88" t="s">
        <v>311</v>
      </c>
      <c r="G24" s="120" t="s">
        <v>312</v>
      </c>
      <c r="H24" s="117">
        <v>1580</v>
      </c>
      <c r="I24" s="84"/>
      <c r="J24" s="85"/>
      <c r="K24" s="86"/>
      <c r="L24" s="78">
        <v>37</v>
      </c>
      <c r="M24" s="79" t="s">
        <v>313</v>
      </c>
      <c r="N24" s="80" t="s">
        <v>275</v>
      </c>
      <c r="O24" s="118" t="s">
        <v>74</v>
      </c>
      <c r="P24" s="88" t="s">
        <v>314</v>
      </c>
      <c r="Q24" s="120" t="s">
        <v>315</v>
      </c>
      <c r="R24" s="117">
        <v>1880</v>
      </c>
      <c r="S24" s="91"/>
      <c r="T24" s="92"/>
      <c r="U24" s="29"/>
    </row>
    <row r="25" spans="2:21" s="28" customFormat="1" ht="130.35" customHeight="1">
      <c r="B25" s="78">
        <v>13</v>
      </c>
      <c r="C25" s="79" t="s">
        <v>6</v>
      </c>
      <c r="D25" s="80" t="s">
        <v>42</v>
      </c>
      <c r="E25" s="118"/>
      <c r="F25" s="88" t="s">
        <v>316</v>
      </c>
      <c r="G25" s="120" t="s">
        <v>317</v>
      </c>
      <c r="H25" s="117">
        <v>1880</v>
      </c>
      <c r="I25" s="103"/>
      <c r="J25" s="49"/>
      <c r="K25" s="86"/>
      <c r="L25" s="78">
        <v>38</v>
      </c>
      <c r="M25" s="79" t="s">
        <v>229</v>
      </c>
      <c r="N25" s="80" t="s">
        <v>9</v>
      </c>
      <c r="O25" s="118"/>
      <c r="P25" s="88" t="s">
        <v>318</v>
      </c>
      <c r="Q25" s="120" t="s">
        <v>319</v>
      </c>
      <c r="R25" s="117">
        <v>1680</v>
      </c>
      <c r="S25" s="91"/>
      <c r="T25" s="92"/>
      <c r="U25" s="29"/>
    </row>
    <row r="26" spans="2:21" s="28" customFormat="1" ht="130.35" customHeight="1">
      <c r="B26" s="78">
        <v>14</v>
      </c>
      <c r="C26" s="79" t="s">
        <v>7</v>
      </c>
      <c r="D26" s="80" t="s">
        <v>42</v>
      </c>
      <c r="E26" s="118"/>
      <c r="F26" s="88" t="s">
        <v>320</v>
      </c>
      <c r="G26" s="120" t="s">
        <v>321</v>
      </c>
      <c r="H26" s="117">
        <v>2380</v>
      </c>
      <c r="I26" s="103"/>
      <c r="J26" s="49"/>
      <c r="K26" s="86"/>
      <c r="L26" s="78">
        <v>39</v>
      </c>
      <c r="M26" s="79" t="s">
        <v>222</v>
      </c>
      <c r="N26" s="80" t="s">
        <v>275</v>
      </c>
      <c r="O26" s="118"/>
      <c r="P26" s="88" t="s">
        <v>322</v>
      </c>
      <c r="Q26" s="120" t="s">
        <v>323</v>
      </c>
      <c r="R26" s="117">
        <v>980</v>
      </c>
      <c r="S26" s="103"/>
      <c r="T26" s="109"/>
      <c r="U26" s="29"/>
    </row>
    <row r="27" spans="2:21" s="28" customFormat="1" ht="130.35" customHeight="1">
      <c r="B27" s="98">
        <v>15</v>
      </c>
      <c r="C27" s="79" t="s">
        <v>324</v>
      </c>
      <c r="D27" s="80" t="s">
        <v>42</v>
      </c>
      <c r="E27" s="118"/>
      <c r="F27" s="119" t="s">
        <v>325</v>
      </c>
      <c r="G27" s="120" t="s">
        <v>326</v>
      </c>
      <c r="H27" s="117">
        <v>1480</v>
      </c>
      <c r="I27" s="103"/>
      <c r="J27" s="49"/>
      <c r="K27" s="86"/>
      <c r="L27" s="78">
        <v>40</v>
      </c>
      <c r="M27" s="79" t="s">
        <v>222</v>
      </c>
      <c r="N27" s="80" t="s">
        <v>275</v>
      </c>
      <c r="O27" s="118"/>
      <c r="P27" s="88" t="s">
        <v>327</v>
      </c>
      <c r="Q27" s="120" t="s">
        <v>328</v>
      </c>
      <c r="R27" s="117">
        <v>1080</v>
      </c>
      <c r="S27" s="103"/>
      <c r="T27" s="109"/>
      <c r="U27" s="29"/>
    </row>
    <row r="28" spans="2:21" s="28" customFormat="1" ht="130.35" customHeight="1">
      <c r="B28" s="78">
        <v>16</v>
      </c>
      <c r="C28" s="79" t="s">
        <v>208</v>
      </c>
      <c r="D28" s="80" t="s">
        <v>42</v>
      </c>
      <c r="E28" s="118"/>
      <c r="F28" s="119" t="s">
        <v>329</v>
      </c>
      <c r="G28" s="120" t="s">
        <v>330</v>
      </c>
      <c r="H28" s="117">
        <v>1280</v>
      </c>
      <c r="I28" s="103"/>
      <c r="J28" s="49"/>
      <c r="K28" s="86"/>
      <c r="L28" s="78">
        <v>41</v>
      </c>
      <c r="M28" s="79"/>
      <c r="N28" s="80"/>
      <c r="O28" s="118"/>
      <c r="P28" s="88"/>
      <c r="Q28" s="120"/>
      <c r="R28" s="117"/>
      <c r="S28" s="91"/>
      <c r="T28" s="92"/>
      <c r="U28" s="29"/>
    </row>
    <row r="29" spans="2:21" s="28" customFormat="1" ht="130.35" customHeight="1">
      <c r="B29" s="78">
        <v>17</v>
      </c>
      <c r="C29" s="79" t="s">
        <v>145</v>
      </c>
      <c r="D29" s="80" t="s">
        <v>42</v>
      </c>
      <c r="E29" s="118"/>
      <c r="F29" s="119" t="s">
        <v>331</v>
      </c>
      <c r="G29" s="120" t="s">
        <v>332</v>
      </c>
      <c r="H29" s="117">
        <v>1000</v>
      </c>
      <c r="I29" s="103"/>
      <c r="J29" s="49"/>
      <c r="K29" s="86"/>
      <c r="L29" s="78">
        <v>42</v>
      </c>
      <c r="M29" s="79"/>
      <c r="N29" s="80"/>
      <c r="O29" s="118"/>
      <c r="P29" s="88"/>
      <c r="Q29" s="120"/>
      <c r="R29" s="117"/>
      <c r="S29" s="91"/>
      <c r="T29" s="92"/>
      <c r="U29" s="29"/>
    </row>
    <row r="30" spans="2:21" s="28" customFormat="1" ht="130.35" customHeight="1">
      <c r="B30" s="78">
        <v>18</v>
      </c>
      <c r="C30" s="79" t="s">
        <v>222</v>
      </c>
      <c r="D30" s="80" t="s">
        <v>305</v>
      </c>
      <c r="E30" s="118"/>
      <c r="F30" s="88" t="s">
        <v>333</v>
      </c>
      <c r="G30" s="120" t="s">
        <v>334</v>
      </c>
      <c r="H30" s="117">
        <v>1380</v>
      </c>
      <c r="I30" s="91"/>
      <c r="J30" s="92"/>
      <c r="K30" s="86"/>
      <c r="L30" s="78">
        <v>43</v>
      </c>
      <c r="M30" s="79"/>
      <c r="N30" s="80"/>
      <c r="O30" s="118"/>
      <c r="P30" s="99"/>
      <c r="Q30" s="120"/>
      <c r="R30" s="117"/>
      <c r="S30" s="91"/>
      <c r="T30" s="92"/>
      <c r="U30" s="29"/>
    </row>
    <row r="31" spans="2:21" s="28" customFormat="1" ht="130.35" customHeight="1">
      <c r="B31" s="78">
        <v>19</v>
      </c>
      <c r="C31" s="79" t="s">
        <v>222</v>
      </c>
      <c r="D31" s="80" t="s">
        <v>42</v>
      </c>
      <c r="E31" s="118"/>
      <c r="F31" s="88" t="s">
        <v>335</v>
      </c>
      <c r="G31" s="120" t="s">
        <v>336</v>
      </c>
      <c r="H31" s="117">
        <v>1000</v>
      </c>
      <c r="I31" s="103"/>
      <c r="J31" s="109"/>
      <c r="K31" s="86"/>
      <c r="L31" s="78">
        <v>44</v>
      </c>
      <c r="M31" s="79"/>
      <c r="N31" s="80"/>
      <c r="O31" s="118"/>
      <c r="P31" s="99"/>
      <c r="Q31" s="120"/>
      <c r="R31" s="117"/>
      <c r="S31" s="91"/>
      <c r="T31" s="92"/>
      <c r="U31" s="29"/>
    </row>
    <row r="32" spans="2:21" s="28" customFormat="1" ht="130.35" customHeight="1">
      <c r="B32" s="78">
        <v>20</v>
      </c>
      <c r="C32" s="79" t="s">
        <v>132</v>
      </c>
      <c r="D32" s="80" t="s">
        <v>305</v>
      </c>
      <c r="E32" s="118"/>
      <c r="F32" s="88" t="s">
        <v>337</v>
      </c>
      <c r="G32" s="120" t="s">
        <v>338</v>
      </c>
      <c r="H32" s="117">
        <v>1880</v>
      </c>
      <c r="I32" s="91"/>
      <c r="J32" s="92"/>
      <c r="K32" s="86"/>
      <c r="L32" s="78">
        <v>45</v>
      </c>
      <c r="M32" s="79"/>
      <c r="N32" s="80"/>
      <c r="O32" s="118"/>
      <c r="P32" s="99"/>
      <c r="Q32" s="120"/>
      <c r="R32" s="117"/>
      <c r="S32" s="91"/>
      <c r="T32" s="92"/>
      <c r="U32" s="29"/>
    </row>
    <row r="33" spans="2:24" s="28" customFormat="1" ht="130.35" customHeight="1">
      <c r="B33" s="98">
        <v>21</v>
      </c>
      <c r="C33" s="79" t="s">
        <v>167</v>
      </c>
      <c r="D33" s="80" t="s">
        <v>9</v>
      </c>
      <c r="E33" s="118"/>
      <c r="F33" s="88" t="s">
        <v>339</v>
      </c>
      <c r="G33" s="120" t="s">
        <v>340</v>
      </c>
      <c r="H33" s="117">
        <v>2380</v>
      </c>
      <c r="I33" s="103"/>
      <c r="J33" s="109"/>
      <c r="K33" s="86"/>
      <c r="L33" s="78">
        <v>46</v>
      </c>
      <c r="M33" s="79"/>
      <c r="N33" s="80"/>
      <c r="O33" s="118"/>
      <c r="P33" s="99"/>
      <c r="Q33" s="120"/>
      <c r="R33" s="117"/>
      <c r="S33" s="91"/>
      <c r="T33" s="92"/>
      <c r="U33" s="29"/>
    </row>
    <row r="34" spans="2:24" s="28" customFormat="1" ht="130.35" customHeight="1">
      <c r="B34" s="78">
        <v>22</v>
      </c>
      <c r="C34" s="79" t="s">
        <v>10</v>
      </c>
      <c r="D34" s="80" t="s">
        <v>9</v>
      </c>
      <c r="E34" s="118" t="s">
        <v>74</v>
      </c>
      <c r="F34" s="88" t="s">
        <v>341</v>
      </c>
      <c r="G34" s="120" t="s">
        <v>342</v>
      </c>
      <c r="H34" s="117">
        <v>2500</v>
      </c>
      <c r="I34" s="103"/>
      <c r="J34" s="109"/>
      <c r="K34" s="86"/>
      <c r="L34" s="78">
        <v>47</v>
      </c>
      <c r="M34" s="79"/>
      <c r="N34" s="80"/>
      <c r="O34" s="118"/>
      <c r="P34" s="99"/>
      <c r="Q34" s="120"/>
      <c r="R34" s="117"/>
      <c r="S34" s="91"/>
      <c r="T34" s="92"/>
      <c r="U34" s="29"/>
    </row>
    <row r="35" spans="2:24" s="28" customFormat="1" ht="130.35" customHeight="1">
      <c r="B35" s="98">
        <v>23</v>
      </c>
      <c r="C35" s="79" t="s">
        <v>6</v>
      </c>
      <c r="D35" s="80" t="s">
        <v>9</v>
      </c>
      <c r="E35" s="118"/>
      <c r="F35" s="88" t="s">
        <v>343</v>
      </c>
      <c r="G35" s="120" t="s">
        <v>344</v>
      </c>
      <c r="H35" s="117">
        <v>1280</v>
      </c>
      <c r="I35" s="103"/>
      <c r="J35" s="109"/>
      <c r="K35" s="86"/>
      <c r="L35" s="78">
        <v>48</v>
      </c>
      <c r="M35" s="79"/>
      <c r="N35" s="80"/>
      <c r="O35" s="118"/>
      <c r="P35" s="99"/>
      <c r="Q35" s="120"/>
      <c r="R35" s="117"/>
      <c r="S35" s="91"/>
      <c r="T35" s="92"/>
      <c r="U35" s="29"/>
    </row>
    <row r="36" spans="2:24" s="28" customFormat="1" ht="130.35" customHeight="1">
      <c r="B36" s="78">
        <v>24</v>
      </c>
      <c r="C36" s="79" t="s">
        <v>6</v>
      </c>
      <c r="D36" s="80" t="s">
        <v>9</v>
      </c>
      <c r="E36" s="118"/>
      <c r="F36" s="88" t="s">
        <v>345</v>
      </c>
      <c r="G36" s="120" t="s">
        <v>346</v>
      </c>
      <c r="H36" s="117">
        <v>780</v>
      </c>
      <c r="I36" s="103"/>
      <c r="J36" s="109"/>
      <c r="K36" s="86"/>
      <c r="L36" s="78">
        <v>49</v>
      </c>
      <c r="M36" s="79"/>
      <c r="N36" s="80"/>
      <c r="O36" s="118"/>
      <c r="P36" s="99"/>
      <c r="Q36" s="120"/>
      <c r="R36" s="117"/>
      <c r="S36" s="91"/>
      <c r="T36" s="92"/>
      <c r="U36" s="29"/>
    </row>
    <row r="37" spans="2:24" s="28" customFormat="1" ht="130.35" customHeight="1">
      <c r="B37" s="78">
        <v>25</v>
      </c>
      <c r="C37" s="79" t="s">
        <v>6</v>
      </c>
      <c r="D37" s="80" t="s">
        <v>9</v>
      </c>
      <c r="E37" s="118"/>
      <c r="F37" s="88" t="s">
        <v>347</v>
      </c>
      <c r="G37" s="120" t="s">
        <v>348</v>
      </c>
      <c r="H37" s="117">
        <v>880</v>
      </c>
      <c r="I37" s="91"/>
      <c r="J37" s="92"/>
      <c r="K37" s="86"/>
      <c r="L37" s="78">
        <v>50</v>
      </c>
      <c r="M37" s="79"/>
      <c r="N37" s="80"/>
      <c r="O37" s="118"/>
      <c r="P37" s="99"/>
      <c r="Q37" s="120"/>
      <c r="R37" s="117"/>
      <c r="S37" s="91"/>
      <c r="T37" s="92"/>
      <c r="U37" s="29"/>
    </row>
    <row r="38" spans="2:24" s="35" customFormat="1" ht="96.6" customHeight="1">
      <c r="B38" s="31"/>
      <c r="E38" s="69"/>
      <c r="K38" s="17"/>
      <c r="L38" s="31"/>
      <c r="M38" s="31"/>
      <c r="N38" s="31"/>
      <c r="O38" s="31"/>
      <c r="P38" s="31"/>
      <c r="Q38" s="31"/>
      <c r="R38" s="31"/>
      <c r="S38" s="1"/>
      <c r="T38" s="31"/>
      <c r="U38" s="34"/>
    </row>
    <row r="39" spans="2:24" s="35" customFormat="1" ht="30.6" customHeight="1">
      <c r="B39" s="31"/>
      <c r="C39" s="31"/>
      <c r="D39" s="31"/>
      <c r="E39" s="1"/>
      <c r="F39" s="31"/>
      <c r="G39" s="31"/>
      <c r="H39" s="32"/>
      <c r="I39" s="32"/>
      <c r="J39" s="32"/>
      <c r="K39" s="17"/>
      <c r="L39" s="1"/>
      <c r="M39" s="1"/>
      <c r="N39" s="1"/>
      <c r="O39" s="1"/>
      <c r="P39" s="3"/>
      <c r="Q39" s="1"/>
      <c r="R39" s="33"/>
      <c r="S39" s="1"/>
      <c r="T39" s="36"/>
      <c r="U39" s="37"/>
      <c r="V39" s="38"/>
      <c r="W39" s="38"/>
      <c r="X39" s="38"/>
    </row>
    <row r="40" spans="2:24" s="1" customFormat="1" ht="48.95" customHeight="1">
      <c r="E40" s="42"/>
      <c r="I40" s="32"/>
      <c r="J40" s="32"/>
      <c r="K40" s="39"/>
      <c r="L40" s="40"/>
      <c r="M40" s="42"/>
      <c r="N40" s="42"/>
      <c r="O40" s="42"/>
      <c r="P40" s="43"/>
      <c r="Q40" s="42"/>
      <c r="R40" s="45"/>
      <c r="T40" s="34"/>
      <c r="U40" s="34"/>
      <c r="V40" s="34"/>
      <c r="W40" s="34"/>
      <c r="X40" s="34"/>
    </row>
    <row r="41" spans="2:24" ht="13.5">
      <c r="B41" s="40"/>
      <c r="C41" s="40"/>
      <c r="D41" s="40"/>
      <c r="E41" s="40"/>
      <c r="F41" s="40"/>
      <c r="G41" s="40"/>
      <c r="H41" s="40"/>
      <c r="L41" s="40"/>
      <c r="M41" s="40"/>
      <c r="N41" s="40"/>
      <c r="O41" s="40"/>
      <c r="P41" s="40"/>
      <c r="Q41" s="40"/>
      <c r="R41" s="40"/>
      <c r="S41" s="40"/>
    </row>
    <row r="42" spans="2:24" ht="13.5">
      <c r="B42" s="40"/>
      <c r="C42" s="40"/>
      <c r="D42" s="40"/>
      <c r="E42" s="40"/>
      <c r="F42" s="40"/>
      <c r="G42" s="40"/>
      <c r="H42" s="40"/>
      <c r="L42" s="40"/>
      <c r="M42" s="40"/>
      <c r="N42" s="40"/>
      <c r="O42" s="40"/>
      <c r="P42" s="40"/>
      <c r="Q42" s="40"/>
      <c r="R42" s="40"/>
      <c r="S42" s="40"/>
    </row>
    <row r="43" spans="2:24" ht="13.5">
      <c r="B43" s="40"/>
      <c r="C43" s="40"/>
      <c r="D43" s="40"/>
      <c r="E43" s="40"/>
      <c r="F43" s="40"/>
      <c r="G43" s="40"/>
      <c r="H43" s="40"/>
      <c r="L43" s="40"/>
      <c r="M43" s="40"/>
      <c r="N43" s="40"/>
      <c r="O43" s="40"/>
      <c r="P43" s="40"/>
      <c r="Q43" s="40"/>
      <c r="R43" s="40"/>
      <c r="S43" s="40"/>
    </row>
    <row r="44" spans="2:24" ht="13.5">
      <c r="B44" s="40"/>
      <c r="C44" s="40"/>
      <c r="D44" s="40"/>
      <c r="E44" s="40"/>
      <c r="F44" s="40"/>
      <c r="G44" s="40"/>
      <c r="H44" s="40"/>
      <c r="L44" s="40"/>
      <c r="M44" s="40"/>
      <c r="N44" s="40"/>
      <c r="O44" s="40"/>
      <c r="P44" s="40"/>
      <c r="Q44" s="40"/>
      <c r="R44" s="40"/>
      <c r="S44" s="40"/>
    </row>
    <row r="45" spans="2:24" ht="13.5">
      <c r="B45" s="40"/>
      <c r="C45" s="40"/>
      <c r="D45" s="40"/>
      <c r="E45" s="40"/>
      <c r="F45" s="40"/>
      <c r="G45" s="40"/>
      <c r="H45" s="40"/>
      <c r="L45" s="40"/>
      <c r="M45" s="40"/>
      <c r="N45" s="40"/>
      <c r="O45" s="40"/>
      <c r="P45" s="40"/>
      <c r="Q45" s="40"/>
      <c r="R45" s="40"/>
      <c r="S45" s="40"/>
    </row>
    <row r="46" spans="2:24" ht="13.5">
      <c r="B46" s="40"/>
      <c r="C46" s="40"/>
      <c r="D46" s="40"/>
      <c r="E46" s="40"/>
      <c r="F46" s="40"/>
      <c r="G46" s="40"/>
      <c r="H46" s="40"/>
      <c r="L46" s="40"/>
      <c r="M46" s="40"/>
      <c r="N46" s="40"/>
      <c r="O46" s="40"/>
      <c r="P46" s="40"/>
      <c r="Q46" s="40"/>
      <c r="R46" s="40"/>
      <c r="S46" s="40"/>
    </row>
    <row r="47" spans="2:24" ht="13.5">
      <c r="B47" s="40"/>
      <c r="C47" s="40"/>
      <c r="D47" s="40"/>
      <c r="E47" s="40"/>
      <c r="F47" s="40"/>
      <c r="G47" s="40"/>
      <c r="H47" s="40"/>
      <c r="L47" s="40"/>
      <c r="M47" s="40"/>
      <c r="N47" s="40"/>
      <c r="O47" s="40"/>
      <c r="P47" s="40"/>
      <c r="Q47" s="40"/>
      <c r="R47" s="40"/>
      <c r="S47" s="40"/>
    </row>
    <row r="48" spans="2:24" ht="13.5">
      <c r="B48" s="40"/>
      <c r="C48" s="40"/>
      <c r="D48" s="40"/>
      <c r="E48" s="40"/>
      <c r="F48" s="40"/>
      <c r="G48" s="40"/>
      <c r="H48" s="40"/>
      <c r="L48" s="40"/>
      <c r="M48" s="40"/>
      <c r="N48" s="40"/>
      <c r="O48" s="40"/>
      <c r="P48" s="40"/>
      <c r="Q48" s="40"/>
      <c r="R48" s="40"/>
      <c r="S48" s="40"/>
    </row>
    <row r="49" spans="2:19" ht="13.5">
      <c r="B49" s="40"/>
      <c r="C49" s="40"/>
      <c r="D49" s="40"/>
      <c r="E49" s="40"/>
      <c r="F49" s="40"/>
      <c r="G49" s="40"/>
      <c r="H49" s="40"/>
      <c r="L49" s="40"/>
      <c r="M49" s="40"/>
      <c r="N49" s="40"/>
      <c r="O49" s="40"/>
      <c r="P49" s="40"/>
      <c r="Q49" s="40"/>
      <c r="R49" s="40"/>
      <c r="S49" s="40"/>
    </row>
    <row r="50" spans="2:19" ht="13.5">
      <c r="B50" s="40"/>
      <c r="C50" s="40"/>
      <c r="D50" s="40"/>
      <c r="E50" s="40"/>
      <c r="F50" s="40"/>
      <c r="G50" s="40"/>
      <c r="H50" s="40"/>
      <c r="L50" s="40"/>
      <c r="M50" s="40"/>
      <c r="N50" s="40"/>
      <c r="O50" s="40"/>
      <c r="P50" s="40"/>
      <c r="Q50" s="40"/>
      <c r="R50" s="40"/>
      <c r="S50" s="40"/>
    </row>
    <row r="51" spans="2:19" ht="13.5">
      <c r="B51" s="40"/>
      <c r="C51" s="40"/>
      <c r="D51" s="40"/>
      <c r="E51" s="40"/>
      <c r="F51" s="40"/>
      <c r="G51" s="40"/>
      <c r="H51" s="40"/>
      <c r="L51" s="40"/>
      <c r="M51" s="40"/>
      <c r="N51" s="40"/>
      <c r="O51" s="40"/>
      <c r="P51" s="40"/>
      <c r="Q51" s="40"/>
      <c r="R51" s="40"/>
      <c r="S51" s="40"/>
    </row>
    <row r="52" spans="2:19" ht="13.5">
      <c r="B52" s="40"/>
      <c r="C52" s="40"/>
      <c r="D52" s="40"/>
      <c r="E52" s="40"/>
      <c r="F52" s="40"/>
      <c r="G52" s="40"/>
      <c r="H52" s="40"/>
      <c r="L52" s="40"/>
      <c r="M52" s="40"/>
      <c r="N52" s="40"/>
      <c r="O52" s="40"/>
      <c r="P52" s="40"/>
      <c r="Q52" s="40"/>
      <c r="R52" s="40"/>
      <c r="S52" s="40"/>
    </row>
    <row r="53" spans="2:19" ht="13.5">
      <c r="B53" s="40"/>
      <c r="C53" s="40"/>
      <c r="D53" s="40"/>
      <c r="E53" s="40"/>
      <c r="F53" s="40"/>
      <c r="G53" s="40"/>
      <c r="H53" s="40"/>
      <c r="L53" s="40"/>
      <c r="M53" s="40"/>
      <c r="N53" s="40"/>
      <c r="O53" s="40"/>
      <c r="P53" s="40"/>
      <c r="Q53" s="40"/>
      <c r="R53" s="40"/>
      <c r="S53" s="40"/>
    </row>
    <row r="54" spans="2:19" ht="54.95" customHeight="1">
      <c r="B54" s="40"/>
      <c r="C54" s="40"/>
      <c r="D54" s="40"/>
      <c r="E54" s="40"/>
      <c r="F54" s="40"/>
      <c r="G54" s="40"/>
      <c r="H54" s="40"/>
      <c r="L54" s="40"/>
      <c r="M54" s="40"/>
      <c r="N54" s="40"/>
      <c r="O54" s="40"/>
      <c r="P54" s="40"/>
      <c r="Q54" s="40"/>
      <c r="R54" s="40"/>
      <c r="S54" s="40"/>
    </row>
    <row r="55" spans="2:19" ht="13.5">
      <c r="B55" s="40"/>
      <c r="C55" s="40"/>
      <c r="D55" s="40"/>
      <c r="E55" s="40"/>
      <c r="F55" s="40"/>
      <c r="G55" s="40"/>
      <c r="H55" s="40"/>
      <c r="L55" s="40"/>
      <c r="M55" s="40"/>
      <c r="N55" s="40"/>
      <c r="O55" s="40"/>
      <c r="P55" s="40"/>
      <c r="Q55" s="40"/>
      <c r="R55" s="40"/>
      <c r="S55" s="40"/>
    </row>
    <row r="56" spans="2:19" ht="13.5">
      <c r="B56" s="40"/>
      <c r="C56" s="40"/>
      <c r="D56" s="40"/>
      <c r="E56" s="40"/>
      <c r="F56" s="40"/>
      <c r="G56" s="40"/>
      <c r="H56" s="40"/>
      <c r="L56" s="40"/>
      <c r="M56" s="40"/>
      <c r="N56" s="40"/>
      <c r="O56" s="40"/>
      <c r="P56" s="40"/>
      <c r="Q56" s="40"/>
      <c r="R56" s="40"/>
      <c r="S56" s="40"/>
    </row>
    <row r="57" spans="2:19" ht="13.5">
      <c r="B57" s="40"/>
      <c r="C57" s="40"/>
      <c r="D57" s="40"/>
      <c r="E57" s="40"/>
      <c r="F57" s="40"/>
      <c r="G57" s="40"/>
      <c r="H57" s="40"/>
      <c r="L57" s="40"/>
      <c r="M57" s="40"/>
      <c r="N57" s="40"/>
      <c r="O57" s="40"/>
      <c r="P57" s="40"/>
      <c r="Q57" s="40"/>
      <c r="R57" s="40"/>
      <c r="S57" s="40"/>
    </row>
    <row r="58" spans="2:19" ht="13.5">
      <c r="B58" s="40"/>
      <c r="C58" s="40"/>
      <c r="D58" s="40"/>
      <c r="E58" s="40"/>
      <c r="F58" s="40"/>
      <c r="G58" s="40"/>
      <c r="H58" s="40"/>
      <c r="L58" s="40"/>
      <c r="M58" s="40"/>
      <c r="N58" s="40"/>
      <c r="O58" s="40"/>
      <c r="P58" s="40"/>
      <c r="Q58" s="40"/>
      <c r="R58" s="40"/>
      <c r="S58" s="40"/>
    </row>
    <row r="59" spans="2:19" ht="13.5">
      <c r="B59" s="40"/>
      <c r="C59" s="40"/>
      <c r="D59" s="40"/>
      <c r="E59" s="40"/>
      <c r="F59" s="40"/>
      <c r="G59" s="40"/>
      <c r="H59" s="40"/>
      <c r="L59" s="40"/>
      <c r="M59" s="40"/>
      <c r="N59" s="40"/>
      <c r="O59" s="40"/>
      <c r="P59" s="40"/>
      <c r="Q59" s="40"/>
      <c r="R59" s="40"/>
      <c r="S59" s="40"/>
    </row>
    <row r="60" spans="2:19" ht="13.5">
      <c r="B60" s="40"/>
      <c r="C60" s="40"/>
      <c r="D60" s="40"/>
      <c r="E60" s="40"/>
      <c r="F60" s="40"/>
      <c r="G60" s="40"/>
      <c r="H60" s="40"/>
      <c r="L60" s="40"/>
      <c r="M60" s="40"/>
      <c r="N60" s="40"/>
      <c r="O60" s="40"/>
      <c r="P60" s="40"/>
      <c r="Q60" s="40"/>
      <c r="R60" s="40"/>
      <c r="S60" s="40"/>
    </row>
    <row r="61" spans="2:19" ht="13.5">
      <c r="B61" s="40"/>
      <c r="C61" s="40"/>
      <c r="D61" s="40"/>
      <c r="E61" s="40"/>
      <c r="F61" s="40"/>
      <c r="G61" s="40"/>
      <c r="H61" s="40"/>
      <c r="L61" s="40"/>
      <c r="M61" s="40"/>
      <c r="N61" s="40"/>
      <c r="O61" s="40"/>
      <c r="P61" s="40"/>
      <c r="Q61" s="40"/>
      <c r="R61" s="40"/>
      <c r="S61" s="40"/>
    </row>
    <row r="62" spans="2:19" ht="13.5">
      <c r="B62" s="40"/>
      <c r="C62" s="40"/>
      <c r="D62" s="40"/>
      <c r="E62" s="40"/>
      <c r="F62" s="40"/>
      <c r="G62" s="40"/>
      <c r="H62" s="40"/>
      <c r="L62" s="40"/>
      <c r="M62" s="40"/>
      <c r="N62" s="40"/>
      <c r="O62" s="40"/>
      <c r="P62" s="40"/>
      <c r="Q62" s="40"/>
      <c r="R62" s="40"/>
      <c r="S62" s="40"/>
    </row>
    <row r="63" spans="2:19" ht="13.5">
      <c r="B63" s="40"/>
      <c r="C63" s="40"/>
      <c r="D63" s="40"/>
      <c r="E63" s="40"/>
      <c r="F63" s="40"/>
      <c r="G63" s="40"/>
      <c r="H63" s="40"/>
      <c r="L63" s="40"/>
      <c r="M63" s="40"/>
      <c r="N63" s="40"/>
      <c r="O63" s="40"/>
      <c r="P63" s="40"/>
      <c r="Q63" s="40"/>
      <c r="R63" s="40"/>
      <c r="S63" s="40"/>
    </row>
    <row r="64" spans="2:19" ht="13.5">
      <c r="B64" s="40"/>
      <c r="C64" s="40"/>
      <c r="D64" s="40"/>
      <c r="E64" s="40"/>
      <c r="F64" s="40"/>
      <c r="G64" s="40"/>
      <c r="H64" s="40"/>
      <c r="L64" s="40"/>
      <c r="M64" s="40"/>
      <c r="N64" s="40"/>
      <c r="O64" s="40"/>
      <c r="P64" s="40"/>
      <c r="Q64" s="40"/>
      <c r="R64" s="40"/>
      <c r="S64" s="40"/>
    </row>
    <row r="65" spans="2:19" ht="13.5">
      <c r="B65" s="40"/>
      <c r="C65" s="40"/>
      <c r="D65" s="40"/>
      <c r="E65" s="40"/>
      <c r="F65" s="40"/>
      <c r="G65" s="40"/>
      <c r="H65" s="40"/>
      <c r="L65" s="40"/>
      <c r="M65" s="40"/>
      <c r="N65" s="40"/>
      <c r="O65" s="40"/>
      <c r="P65" s="40"/>
      <c r="Q65" s="40"/>
      <c r="R65" s="40"/>
      <c r="S65" s="40"/>
    </row>
    <row r="66" spans="2:19" ht="13.5">
      <c r="B66" s="40"/>
      <c r="C66" s="40"/>
      <c r="D66" s="40"/>
      <c r="E66" s="40"/>
      <c r="F66" s="40"/>
      <c r="G66" s="40"/>
      <c r="H66" s="40"/>
      <c r="L66" s="40"/>
      <c r="M66" s="40"/>
      <c r="N66" s="40"/>
      <c r="O66" s="40"/>
      <c r="P66" s="40"/>
      <c r="Q66" s="40"/>
      <c r="R66" s="40"/>
      <c r="S66" s="40"/>
    </row>
    <row r="67" spans="2:19" ht="13.5">
      <c r="B67" s="40"/>
      <c r="C67" s="40"/>
      <c r="D67" s="40"/>
      <c r="E67" s="40"/>
      <c r="F67" s="40"/>
      <c r="G67" s="40"/>
      <c r="H67" s="40"/>
      <c r="L67" s="40"/>
      <c r="M67" s="40"/>
      <c r="N67" s="40"/>
      <c r="O67" s="40"/>
      <c r="P67" s="40"/>
      <c r="Q67" s="40"/>
      <c r="R67" s="40"/>
      <c r="S67" s="40"/>
    </row>
    <row r="68" spans="2:19" ht="13.5">
      <c r="B68" s="40"/>
      <c r="C68" s="40"/>
      <c r="D68" s="40"/>
      <c r="E68" s="40"/>
      <c r="F68" s="40"/>
      <c r="G68" s="40"/>
      <c r="H68" s="40"/>
      <c r="L68" s="40"/>
      <c r="M68" s="40"/>
      <c r="N68" s="40"/>
      <c r="O68" s="40"/>
      <c r="P68" s="40"/>
      <c r="Q68" s="40"/>
      <c r="R68" s="40"/>
      <c r="S68" s="40"/>
    </row>
    <row r="69" spans="2:19" ht="13.5">
      <c r="B69" s="40"/>
      <c r="C69" s="40"/>
      <c r="D69" s="40"/>
      <c r="E69" s="40"/>
      <c r="F69" s="40"/>
      <c r="G69" s="40"/>
      <c r="H69" s="40"/>
      <c r="L69" s="40"/>
      <c r="M69" s="40"/>
      <c r="N69" s="40"/>
      <c r="O69" s="40"/>
      <c r="P69" s="40"/>
      <c r="Q69" s="40"/>
      <c r="R69" s="40"/>
      <c r="S69" s="40"/>
    </row>
    <row r="70" spans="2:19" ht="13.5">
      <c r="B70" s="40"/>
      <c r="C70" s="40"/>
      <c r="D70" s="40"/>
      <c r="E70" s="40"/>
      <c r="F70" s="40"/>
      <c r="G70" s="40"/>
      <c r="H70" s="40"/>
      <c r="L70" s="40"/>
      <c r="M70" s="40"/>
      <c r="N70" s="40"/>
      <c r="O70" s="40"/>
      <c r="P70" s="40"/>
      <c r="Q70" s="40"/>
      <c r="R70" s="40"/>
      <c r="S70" s="40"/>
    </row>
    <row r="71" spans="2:19" ht="13.5">
      <c r="B71" s="40"/>
      <c r="C71" s="40"/>
      <c r="D71" s="40"/>
      <c r="E71" s="40"/>
      <c r="F71" s="40"/>
      <c r="G71" s="40"/>
      <c r="H71" s="40"/>
      <c r="L71" s="40"/>
      <c r="M71" s="40"/>
      <c r="N71" s="40"/>
      <c r="O71" s="40"/>
      <c r="P71" s="40"/>
      <c r="Q71" s="40"/>
      <c r="R71" s="40"/>
      <c r="S71" s="40"/>
    </row>
    <row r="72" spans="2:19" ht="13.5">
      <c r="B72" s="40"/>
      <c r="C72" s="40"/>
      <c r="D72" s="40"/>
      <c r="E72" s="40"/>
      <c r="F72" s="40"/>
      <c r="G72" s="40"/>
      <c r="H72" s="40"/>
      <c r="L72" s="40"/>
      <c r="M72" s="40"/>
      <c r="N72" s="40"/>
      <c r="O72" s="40"/>
      <c r="P72" s="40"/>
      <c r="Q72" s="40"/>
      <c r="R72" s="40"/>
      <c r="S72" s="40"/>
    </row>
    <row r="73" spans="2:19" ht="13.5">
      <c r="B73" s="40"/>
      <c r="C73" s="40"/>
      <c r="D73" s="40"/>
      <c r="E73" s="40"/>
      <c r="F73" s="40"/>
      <c r="G73" s="40"/>
      <c r="H73" s="40"/>
      <c r="L73" s="40"/>
      <c r="M73" s="40"/>
      <c r="N73" s="40"/>
      <c r="O73" s="40"/>
      <c r="P73" s="40"/>
      <c r="Q73" s="40"/>
      <c r="R73" s="40"/>
      <c r="S73" s="40"/>
    </row>
    <row r="74" spans="2:19" ht="13.5">
      <c r="B74" s="40"/>
      <c r="C74" s="40"/>
      <c r="D74" s="40"/>
      <c r="E74" s="40"/>
      <c r="F74" s="40"/>
      <c r="G74" s="40"/>
      <c r="H74" s="40"/>
      <c r="L74" s="40"/>
      <c r="M74" s="40"/>
      <c r="N74" s="40"/>
      <c r="O74" s="40"/>
      <c r="P74" s="40"/>
      <c r="Q74" s="40"/>
      <c r="R74" s="40"/>
      <c r="S74" s="40"/>
    </row>
    <row r="75" spans="2:19" ht="13.5">
      <c r="B75" s="40"/>
      <c r="C75" s="40"/>
      <c r="D75" s="40"/>
      <c r="E75" s="40"/>
      <c r="F75" s="40"/>
      <c r="G75" s="40"/>
      <c r="H75" s="40"/>
      <c r="L75" s="40"/>
      <c r="M75" s="40"/>
      <c r="N75" s="40"/>
      <c r="O75" s="40"/>
      <c r="P75" s="40"/>
      <c r="Q75" s="40"/>
      <c r="R75" s="40"/>
      <c r="S75" s="40"/>
    </row>
    <row r="76" spans="2:19" ht="13.5">
      <c r="B76" s="40"/>
      <c r="C76" s="40"/>
      <c r="D76" s="40"/>
      <c r="E76" s="40"/>
      <c r="F76" s="40"/>
      <c r="G76" s="40"/>
      <c r="H76" s="40"/>
      <c r="L76" s="40"/>
      <c r="M76" s="40"/>
      <c r="N76" s="40"/>
      <c r="O76" s="40"/>
      <c r="P76" s="40"/>
      <c r="Q76" s="40"/>
      <c r="R76" s="40"/>
      <c r="S76" s="40"/>
    </row>
    <row r="77" spans="2:19" ht="13.5">
      <c r="B77" s="40"/>
      <c r="C77" s="40"/>
      <c r="D77" s="40"/>
      <c r="E77" s="40"/>
      <c r="F77" s="40"/>
      <c r="G77" s="40"/>
      <c r="H77" s="40"/>
      <c r="L77" s="40"/>
      <c r="M77" s="40"/>
      <c r="N77" s="40"/>
      <c r="O77" s="40"/>
      <c r="P77" s="40"/>
      <c r="Q77" s="40"/>
      <c r="R77" s="40"/>
      <c r="S77" s="40"/>
    </row>
    <row r="78" spans="2:19" ht="13.5">
      <c r="B78" s="40"/>
      <c r="C78" s="40"/>
      <c r="D78" s="40"/>
      <c r="E78" s="40"/>
      <c r="F78" s="40"/>
      <c r="G78" s="40"/>
      <c r="H78" s="40"/>
      <c r="L78" s="40"/>
      <c r="M78" s="40"/>
      <c r="N78" s="40"/>
      <c r="O78" s="40"/>
      <c r="P78" s="40"/>
      <c r="Q78" s="40"/>
      <c r="R78" s="40"/>
      <c r="S78" s="40"/>
    </row>
    <row r="79" spans="2:19" ht="13.5">
      <c r="B79" s="40"/>
      <c r="C79" s="40"/>
      <c r="D79" s="40"/>
      <c r="E79" s="40"/>
      <c r="F79" s="40"/>
      <c r="G79" s="40"/>
      <c r="H79" s="40"/>
      <c r="L79" s="40"/>
      <c r="M79" s="40"/>
      <c r="N79" s="40"/>
      <c r="O79" s="40"/>
      <c r="P79" s="40"/>
      <c r="Q79" s="40"/>
      <c r="R79" s="40"/>
      <c r="S79" s="40"/>
    </row>
    <row r="80" spans="2:19" ht="13.5">
      <c r="B80" s="40"/>
      <c r="C80" s="40"/>
      <c r="D80" s="40"/>
      <c r="E80" s="40"/>
      <c r="F80" s="40"/>
      <c r="G80" s="40"/>
      <c r="H80" s="40"/>
      <c r="L80" s="40"/>
      <c r="M80" s="40"/>
      <c r="N80" s="40"/>
      <c r="O80" s="40"/>
      <c r="P80" s="40"/>
      <c r="Q80" s="40"/>
      <c r="R80" s="40"/>
      <c r="S80" s="40"/>
    </row>
    <row r="81" spans="2:19" ht="13.5">
      <c r="B81" s="40"/>
      <c r="C81" s="40"/>
      <c r="D81" s="40"/>
      <c r="E81" s="40"/>
      <c r="F81" s="40"/>
      <c r="G81" s="40"/>
      <c r="H81" s="40"/>
      <c r="L81" s="40"/>
      <c r="M81" s="40"/>
      <c r="N81" s="40"/>
      <c r="O81" s="40"/>
      <c r="P81" s="40"/>
      <c r="Q81" s="40"/>
      <c r="R81" s="40"/>
      <c r="S81" s="40"/>
    </row>
    <row r="82" spans="2:19" ht="13.5">
      <c r="B82" s="40"/>
      <c r="C82" s="40"/>
      <c r="D82" s="40"/>
      <c r="E82" s="40"/>
      <c r="F82" s="40"/>
      <c r="G82" s="40"/>
      <c r="H82" s="40"/>
      <c r="L82" s="40"/>
      <c r="M82" s="40"/>
      <c r="N82" s="40"/>
      <c r="O82" s="40"/>
      <c r="P82" s="40"/>
      <c r="Q82" s="40"/>
      <c r="R82" s="40"/>
      <c r="S82" s="40"/>
    </row>
    <row r="83" spans="2:19" ht="13.5">
      <c r="B83" s="40"/>
      <c r="C83" s="40"/>
      <c r="D83" s="40"/>
      <c r="E83" s="40"/>
      <c r="F83" s="40"/>
      <c r="G83" s="40"/>
      <c r="H83" s="40"/>
      <c r="L83" s="40"/>
      <c r="M83" s="40"/>
      <c r="N83" s="40"/>
      <c r="O83" s="40"/>
      <c r="P83" s="40"/>
      <c r="Q83" s="40"/>
      <c r="R83" s="40"/>
      <c r="S83" s="40"/>
    </row>
    <row r="84" spans="2:19" ht="13.5">
      <c r="B84" s="40"/>
      <c r="C84" s="40"/>
      <c r="D84" s="40"/>
      <c r="E84" s="40"/>
      <c r="F84" s="40"/>
      <c r="G84" s="40"/>
      <c r="H84" s="40"/>
      <c r="L84" s="40"/>
      <c r="M84" s="40"/>
      <c r="N84" s="40"/>
      <c r="O84" s="40"/>
      <c r="P84" s="40"/>
      <c r="Q84" s="40"/>
      <c r="R84" s="40"/>
      <c r="S84" s="40"/>
    </row>
    <row r="85" spans="2:19" ht="13.5">
      <c r="B85" s="40"/>
      <c r="C85" s="40"/>
      <c r="D85" s="40"/>
      <c r="E85" s="40"/>
      <c r="F85" s="40"/>
      <c r="G85" s="40"/>
      <c r="H85" s="40"/>
      <c r="L85" s="40"/>
      <c r="M85" s="40"/>
      <c r="N85" s="40"/>
      <c r="O85" s="40"/>
      <c r="P85" s="40"/>
      <c r="Q85" s="40"/>
      <c r="R85" s="40"/>
      <c r="S85" s="40"/>
    </row>
    <row r="86" spans="2:19" ht="13.5">
      <c r="B86" s="40"/>
      <c r="C86" s="40"/>
      <c r="D86" s="40"/>
      <c r="E86" s="40"/>
      <c r="F86" s="40"/>
      <c r="G86" s="40"/>
      <c r="H86" s="40"/>
      <c r="L86" s="40"/>
      <c r="M86" s="40"/>
      <c r="N86" s="40"/>
      <c r="O86" s="40"/>
      <c r="P86" s="40"/>
      <c r="Q86" s="40"/>
      <c r="R86" s="40"/>
      <c r="S86" s="40"/>
    </row>
    <row r="87" spans="2:19" ht="13.5">
      <c r="B87" s="40"/>
      <c r="C87" s="40"/>
      <c r="D87" s="40"/>
      <c r="E87" s="40"/>
      <c r="F87" s="40"/>
      <c r="G87" s="40"/>
      <c r="H87" s="40"/>
      <c r="L87" s="40"/>
      <c r="M87" s="40"/>
      <c r="N87" s="40"/>
      <c r="O87" s="40"/>
      <c r="P87" s="40"/>
      <c r="Q87" s="40"/>
      <c r="R87" s="40"/>
      <c r="S87" s="40"/>
    </row>
    <row r="88" spans="2:19" ht="13.5">
      <c r="B88" s="40"/>
      <c r="C88" s="40"/>
      <c r="D88" s="40"/>
      <c r="E88" s="40"/>
      <c r="F88" s="40"/>
      <c r="G88" s="40"/>
      <c r="H88" s="40"/>
      <c r="L88" s="40"/>
      <c r="M88" s="40"/>
      <c r="N88" s="40"/>
      <c r="O88" s="40"/>
      <c r="P88" s="40"/>
      <c r="Q88" s="40"/>
      <c r="R88" s="40"/>
      <c r="S88" s="40"/>
    </row>
    <row r="89" spans="2:19" ht="13.5">
      <c r="B89" s="40"/>
      <c r="C89" s="40"/>
      <c r="D89" s="40"/>
      <c r="E89" s="40"/>
      <c r="F89" s="40"/>
      <c r="G89" s="40"/>
      <c r="H89" s="40"/>
      <c r="L89" s="40"/>
      <c r="M89" s="40"/>
      <c r="N89" s="40"/>
      <c r="O89" s="40"/>
      <c r="P89" s="40"/>
      <c r="Q89" s="40"/>
      <c r="R89" s="40"/>
      <c r="S89" s="40"/>
    </row>
    <row r="90" spans="2:19" ht="13.5">
      <c r="B90" s="40"/>
      <c r="C90" s="40"/>
      <c r="D90" s="40"/>
      <c r="E90" s="40"/>
      <c r="F90" s="40"/>
      <c r="G90" s="40"/>
      <c r="H90" s="40"/>
      <c r="L90" s="40"/>
      <c r="M90" s="40"/>
      <c r="N90" s="40"/>
      <c r="O90" s="40"/>
      <c r="P90" s="40"/>
      <c r="Q90" s="40"/>
      <c r="R90" s="40"/>
      <c r="S90" s="40"/>
    </row>
    <row r="91" spans="2:19" ht="13.5">
      <c r="B91" s="40"/>
      <c r="C91" s="40"/>
      <c r="D91" s="40"/>
      <c r="E91" s="40"/>
      <c r="F91" s="40"/>
      <c r="G91" s="40"/>
      <c r="H91" s="40"/>
      <c r="L91" s="40"/>
      <c r="M91" s="40"/>
      <c r="N91" s="40"/>
      <c r="O91" s="40"/>
      <c r="P91" s="40"/>
      <c r="Q91" s="40"/>
      <c r="R91" s="40"/>
      <c r="S91" s="40"/>
    </row>
    <row r="92" spans="2:19" ht="13.5">
      <c r="B92" s="40"/>
      <c r="C92" s="40"/>
      <c r="D92" s="40"/>
      <c r="E92" s="40"/>
      <c r="F92" s="40"/>
      <c r="G92" s="40"/>
      <c r="H92" s="40"/>
      <c r="L92" s="40"/>
      <c r="M92" s="40"/>
      <c r="N92" s="40"/>
      <c r="O92" s="40"/>
      <c r="P92" s="40"/>
      <c r="Q92" s="40"/>
      <c r="R92" s="40"/>
      <c r="S92" s="40"/>
    </row>
    <row r="93" spans="2:19" ht="13.5">
      <c r="B93" s="40"/>
      <c r="C93" s="40"/>
      <c r="D93" s="40"/>
      <c r="E93" s="40"/>
      <c r="F93" s="40"/>
      <c r="G93" s="40"/>
      <c r="H93" s="40"/>
      <c r="L93" s="40"/>
      <c r="M93" s="40"/>
      <c r="N93" s="40"/>
      <c r="O93" s="40"/>
      <c r="P93" s="40"/>
      <c r="Q93" s="40"/>
      <c r="R93" s="40"/>
      <c r="S93" s="40"/>
    </row>
    <row r="94" spans="2:19" ht="13.5">
      <c r="B94" s="40"/>
      <c r="C94" s="40"/>
      <c r="D94" s="40"/>
      <c r="E94" s="40"/>
      <c r="F94" s="40"/>
      <c r="G94" s="40"/>
      <c r="H94" s="40"/>
      <c r="L94" s="40"/>
      <c r="M94" s="40"/>
      <c r="N94" s="40"/>
      <c r="O94" s="40"/>
      <c r="P94" s="40"/>
      <c r="Q94" s="40"/>
      <c r="R94" s="40"/>
      <c r="S94" s="40"/>
    </row>
    <row r="95" spans="2:19" ht="13.5">
      <c r="B95" s="40"/>
      <c r="C95" s="40"/>
      <c r="D95" s="40"/>
      <c r="E95" s="40"/>
      <c r="F95" s="40"/>
      <c r="G95" s="40"/>
      <c r="H95" s="40"/>
      <c r="L95" s="40"/>
      <c r="M95" s="40"/>
      <c r="N95" s="40"/>
      <c r="O95" s="40"/>
      <c r="P95" s="40"/>
      <c r="Q95" s="40"/>
      <c r="R95" s="40"/>
      <c r="S95" s="40"/>
    </row>
    <row r="96" spans="2:19" ht="13.5">
      <c r="B96" s="40"/>
      <c r="C96" s="40"/>
      <c r="D96" s="40"/>
      <c r="E96" s="40"/>
      <c r="F96" s="40"/>
      <c r="G96" s="40"/>
      <c r="H96" s="40"/>
      <c r="L96" s="40"/>
      <c r="M96" s="40"/>
      <c r="N96" s="40"/>
      <c r="O96" s="40"/>
      <c r="P96" s="40"/>
      <c r="Q96" s="40"/>
      <c r="R96" s="40"/>
      <c r="S96" s="40"/>
    </row>
    <row r="97" spans="2:19" ht="13.5">
      <c r="B97" s="40"/>
      <c r="C97" s="40"/>
      <c r="D97" s="40"/>
      <c r="E97" s="40"/>
      <c r="F97" s="40"/>
      <c r="G97" s="40"/>
      <c r="H97" s="40"/>
      <c r="L97" s="40"/>
      <c r="M97" s="40"/>
      <c r="N97" s="40"/>
      <c r="O97" s="40"/>
      <c r="P97" s="40"/>
      <c r="Q97" s="40"/>
      <c r="R97" s="40"/>
      <c r="S97" s="40"/>
    </row>
    <row r="98" spans="2:19" ht="13.5">
      <c r="B98" s="40"/>
      <c r="C98" s="40"/>
      <c r="D98" s="40"/>
      <c r="E98" s="40"/>
      <c r="F98" s="40"/>
      <c r="G98" s="40"/>
      <c r="H98" s="40"/>
      <c r="L98" s="40"/>
      <c r="M98" s="40"/>
      <c r="N98" s="40"/>
      <c r="O98" s="40"/>
      <c r="P98" s="40"/>
      <c r="Q98" s="40"/>
      <c r="R98" s="40"/>
      <c r="S98" s="40"/>
    </row>
    <row r="99" spans="2:19" ht="13.5">
      <c r="B99" s="40"/>
      <c r="C99" s="40"/>
      <c r="D99" s="40"/>
      <c r="E99" s="40"/>
      <c r="F99" s="40"/>
      <c r="G99" s="40"/>
      <c r="H99" s="40"/>
      <c r="L99" s="40"/>
      <c r="M99" s="40"/>
      <c r="N99" s="40"/>
      <c r="O99" s="40"/>
      <c r="P99" s="40"/>
      <c r="Q99" s="40"/>
      <c r="R99" s="40"/>
      <c r="S99" s="40"/>
    </row>
    <row r="100" spans="2:19" ht="13.5">
      <c r="B100" s="40"/>
      <c r="C100" s="40"/>
      <c r="D100" s="40"/>
      <c r="E100" s="40"/>
      <c r="F100" s="40"/>
      <c r="G100" s="40"/>
      <c r="H100" s="40"/>
      <c r="L100" s="40"/>
      <c r="M100" s="40"/>
      <c r="N100" s="40"/>
      <c r="O100" s="40"/>
      <c r="P100" s="40"/>
      <c r="Q100" s="40"/>
      <c r="R100" s="40"/>
      <c r="S100" s="40"/>
    </row>
    <row r="101" spans="2:19" ht="13.5">
      <c r="B101" s="40"/>
      <c r="C101" s="40"/>
      <c r="D101" s="40"/>
      <c r="E101" s="40"/>
      <c r="F101" s="40"/>
      <c r="G101" s="40"/>
      <c r="H101" s="40"/>
      <c r="L101" s="40"/>
      <c r="M101" s="40"/>
      <c r="N101" s="40"/>
      <c r="O101" s="40"/>
      <c r="P101" s="40"/>
      <c r="Q101" s="40"/>
      <c r="R101" s="40"/>
      <c r="S101" s="40"/>
    </row>
    <row r="102" spans="2:19" ht="13.5">
      <c r="B102" s="40"/>
      <c r="C102" s="40"/>
      <c r="D102" s="40"/>
      <c r="E102" s="40"/>
      <c r="F102" s="40"/>
      <c r="G102" s="40"/>
      <c r="H102" s="40"/>
      <c r="L102" s="40"/>
      <c r="M102" s="40"/>
      <c r="N102" s="40"/>
      <c r="O102" s="40"/>
      <c r="P102" s="40"/>
      <c r="Q102" s="40"/>
      <c r="R102" s="40"/>
      <c r="S102" s="40"/>
    </row>
    <row r="103" spans="2:19" ht="13.5">
      <c r="B103" s="40"/>
      <c r="C103" s="40"/>
      <c r="D103" s="40"/>
      <c r="E103" s="40"/>
      <c r="F103" s="40"/>
      <c r="G103" s="40"/>
      <c r="H103" s="40"/>
      <c r="L103" s="40"/>
      <c r="M103" s="40"/>
      <c r="N103" s="40"/>
      <c r="O103" s="40"/>
      <c r="P103" s="40"/>
      <c r="Q103" s="40"/>
      <c r="R103" s="40"/>
      <c r="S103" s="40"/>
    </row>
    <row r="104" spans="2:19" ht="13.5">
      <c r="B104" s="40"/>
      <c r="C104" s="40"/>
      <c r="D104" s="40"/>
      <c r="E104" s="40"/>
      <c r="F104" s="40"/>
      <c r="G104" s="40"/>
      <c r="H104" s="40"/>
      <c r="L104" s="40"/>
      <c r="M104" s="40"/>
      <c r="N104" s="40"/>
      <c r="O104" s="40"/>
      <c r="P104" s="40"/>
      <c r="Q104" s="40"/>
      <c r="R104" s="40"/>
      <c r="S104" s="40"/>
    </row>
    <row r="105" spans="2:19" ht="13.5">
      <c r="B105" s="40"/>
      <c r="C105" s="40"/>
      <c r="D105" s="40"/>
      <c r="E105" s="40"/>
      <c r="F105" s="40"/>
      <c r="G105" s="40"/>
      <c r="H105" s="40"/>
      <c r="L105" s="40"/>
      <c r="M105" s="40"/>
      <c r="N105" s="40"/>
      <c r="O105" s="40"/>
      <c r="P105" s="40"/>
      <c r="Q105" s="40"/>
      <c r="R105" s="40"/>
      <c r="S105" s="40"/>
    </row>
    <row r="106" spans="2:19" ht="13.5">
      <c r="B106" s="40"/>
      <c r="C106" s="40"/>
      <c r="D106" s="40"/>
      <c r="E106" s="40"/>
      <c r="F106" s="40"/>
      <c r="G106" s="40"/>
      <c r="H106" s="40"/>
      <c r="L106" s="40"/>
      <c r="M106" s="40"/>
      <c r="N106" s="40"/>
      <c r="O106" s="40"/>
      <c r="P106" s="40"/>
      <c r="Q106" s="40"/>
      <c r="R106" s="40"/>
      <c r="S106" s="40"/>
    </row>
    <row r="107" spans="2:19" ht="13.5">
      <c r="B107" s="40"/>
      <c r="C107" s="40"/>
      <c r="D107" s="40"/>
      <c r="E107" s="40"/>
      <c r="F107" s="40"/>
      <c r="G107" s="40"/>
      <c r="H107" s="40"/>
      <c r="L107" s="40"/>
      <c r="M107" s="40"/>
      <c r="N107" s="40"/>
      <c r="O107" s="40"/>
      <c r="P107" s="40"/>
      <c r="Q107" s="40"/>
      <c r="R107" s="40"/>
      <c r="S107" s="40"/>
    </row>
    <row r="108" spans="2:19" ht="13.5">
      <c r="B108" s="40"/>
      <c r="C108" s="40"/>
      <c r="D108" s="40"/>
      <c r="E108" s="40"/>
      <c r="F108" s="40"/>
      <c r="G108" s="40"/>
      <c r="H108" s="40"/>
      <c r="L108" s="40"/>
      <c r="M108" s="40"/>
      <c r="N108" s="40"/>
      <c r="O108" s="40"/>
      <c r="P108" s="40"/>
      <c r="Q108" s="40"/>
      <c r="R108" s="40"/>
      <c r="S108" s="40"/>
    </row>
    <row r="109" spans="2:19" ht="13.5">
      <c r="B109" s="40"/>
      <c r="C109" s="40"/>
      <c r="D109" s="40"/>
      <c r="E109" s="40"/>
      <c r="F109" s="40"/>
      <c r="G109" s="40"/>
      <c r="H109" s="40"/>
      <c r="L109" s="40"/>
      <c r="M109" s="40"/>
      <c r="N109" s="40"/>
      <c r="O109" s="40"/>
      <c r="P109" s="40"/>
      <c r="Q109" s="40"/>
      <c r="R109" s="40"/>
      <c r="S109" s="40"/>
    </row>
    <row r="110" spans="2:19" ht="13.5">
      <c r="B110" s="40"/>
      <c r="C110" s="40"/>
      <c r="D110" s="40"/>
      <c r="E110" s="40"/>
      <c r="F110" s="40"/>
      <c r="G110" s="40"/>
      <c r="H110" s="40"/>
      <c r="L110" s="40"/>
      <c r="M110" s="40"/>
      <c r="N110" s="40"/>
      <c r="O110" s="40"/>
      <c r="P110" s="40"/>
      <c r="Q110" s="40"/>
      <c r="R110" s="40"/>
      <c r="S110" s="40"/>
    </row>
    <row r="111" spans="2:19" ht="13.5">
      <c r="B111" s="40"/>
      <c r="C111" s="40"/>
      <c r="D111" s="40"/>
      <c r="E111" s="40"/>
      <c r="F111" s="40"/>
      <c r="G111" s="40"/>
      <c r="H111" s="40"/>
      <c r="L111" s="40"/>
      <c r="M111" s="40"/>
      <c r="N111" s="40"/>
      <c r="O111" s="40"/>
      <c r="P111" s="40"/>
      <c r="Q111" s="40"/>
      <c r="R111" s="40"/>
      <c r="S111" s="40"/>
    </row>
    <row r="112" spans="2:19" ht="13.5">
      <c r="B112" s="40"/>
      <c r="C112" s="40"/>
      <c r="D112" s="40"/>
      <c r="E112" s="40"/>
      <c r="F112" s="40"/>
      <c r="G112" s="40"/>
      <c r="H112" s="40"/>
      <c r="L112" s="40"/>
      <c r="M112" s="40"/>
      <c r="N112" s="40"/>
      <c r="O112" s="40"/>
      <c r="P112" s="40"/>
      <c r="Q112" s="40"/>
      <c r="R112" s="40"/>
      <c r="S112" s="40"/>
    </row>
    <row r="113" spans="2:19" ht="13.5">
      <c r="B113" s="40"/>
      <c r="C113" s="40"/>
      <c r="D113" s="40"/>
      <c r="E113" s="40"/>
      <c r="F113" s="40"/>
      <c r="G113" s="40"/>
      <c r="H113" s="40"/>
      <c r="L113" s="40"/>
      <c r="M113" s="40"/>
      <c r="N113" s="40"/>
      <c r="O113" s="40"/>
      <c r="P113" s="40"/>
      <c r="Q113" s="40"/>
      <c r="R113" s="40"/>
      <c r="S113" s="40"/>
    </row>
    <row r="114" spans="2:19" ht="13.5">
      <c r="B114" s="40"/>
      <c r="C114" s="40"/>
      <c r="D114" s="40"/>
      <c r="E114" s="40"/>
      <c r="F114" s="40"/>
      <c r="G114" s="40"/>
      <c r="H114" s="40"/>
      <c r="L114" s="40"/>
      <c r="M114" s="40"/>
      <c r="N114" s="40"/>
      <c r="O114" s="40"/>
      <c r="P114" s="40"/>
      <c r="Q114" s="40"/>
      <c r="R114" s="40"/>
      <c r="S114" s="40"/>
    </row>
    <row r="115" spans="2:19" ht="13.5">
      <c r="B115" s="40"/>
      <c r="C115" s="40"/>
      <c r="D115" s="40"/>
      <c r="E115" s="40"/>
      <c r="F115" s="40"/>
      <c r="G115" s="40"/>
      <c r="H115" s="40"/>
      <c r="L115" s="40"/>
      <c r="M115" s="40"/>
      <c r="N115" s="40"/>
      <c r="O115" s="40"/>
      <c r="P115" s="40"/>
      <c r="Q115" s="40"/>
      <c r="R115" s="40"/>
      <c r="S115" s="40"/>
    </row>
    <row r="116" spans="2:19" ht="13.5">
      <c r="B116" s="40"/>
      <c r="C116" s="40"/>
      <c r="D116" s="40"/>
      <c r="E116" s="40"/>
      <c r="F116" s="40"/>
      <c r="G116" s="40"/>
      <c r="H116" s="40"/>
      <c r="L116" s="40"/>
      <c r="M116" s="40"/>
      <c r="N116" s="40"/>
      <c r="O116" s="40"/>
      <c r="P116" s="40"/>
      <c r="Q116" s="40"/>
      <c r="R116" s="40"/>
      <c r="S116" s="40"/>
    </row>
    <row r="117" spans="2:19" ht="13.5">
      <c r="B117" s="40"/>
      <c r="C117" s="40"/>
      <c r="D117" s="40"/>
      <c r="E117" s="40"/>
      <c r="F117" s="40"/>
      <c r="G117" s="40"/>
      <c r="H117" s="40"/>
      <c r="L117" s="40"/>
      <c r="M117" s="40"/>
      <c r="N117" s="40"/>
      <c r="O117" s="40"/>
      <c r="P117" s="40"/>
      <c r="Q117" s="40"/>
      <c r="R117" s="40"/>
      <c r="S117" s="40"/>
    </row>
    <row r="118" spans="2:19" ht="13.5">
      <c r="B118" s="40"/>
      <c r="C118" s="40"/>
      <c r="D118" s="40"/>
      <c r="E118" s="40"/>
      <c r="F118" s="40"/>
      <c r="G118" s="40"/>
      <c r="H118" s="40"/>
      <c r="L118" s="40"/>
      <c r="M118" s="40"/>
      <c r="N118" s="40"/>
      <c r="O118" s="40"/>
      <c r="P118" s="40"/>
      <c r="Q118" s="40"/>
      <c r="R118" s="40"/>
      <c r="S118" s="40"/>
    </row>
    <row r="119" spans="2:19" ht="13.5">
      <c r="B119" s="40"/>
      <c r="C119" s="40"/>
      <c r="D119" s="40"/>
      <c r="E119" s="40"/>
      <c r="F119" s="40"/>
      <c r="G119" s="40"/>
      <c r="H119" s="40"/>
      <c r="L119" s="40"/>
      <c r="M119" s="40"/>
      <c r="N119" s="40"/>
      <c r="O119" s="40"/>
      <c r="P119" s="40"/>
      <c r="Q119" s="40"/>
      <c r="R119" s="40"/>
      <c r="S119" s="40"/>
    </row>
    <row r="120" spans="2:19" ht="13.5">
      <c r="B120" s="40"/>
      <c r="C120" s="40"/>
      <c r="D120" s="40"/>
      <c r="E120" s="40"/>
      <c r="F120" s="40"/>
      <c r="G120" s="40"/>
      <c r="H120" s="40"/>
      <c r="L120" s="40"/>
      <c r="M120" s="40"/>
      <c r="N120" s="40"/>
      <c r="O120" s="40"/>
      <c r="P120" s="40"/>
      <c r="Q120" s="40"/>
      <c r="R120" s="40"/>
      <c r="S120" s="40"/>
    </row>
    <row r="121" spans="2:19" ht="13.5">
      <c r="B121" s="40"/>
      <c r="C121" s="40"/>
      <c r="D121" s="40"/>
      <c r="E121" s="40"/>
      <c r="F121" s="40"/>
      <c r="G121" s="40"/>
      <c r="H121" s="40"/>
      <c r="L121" s="40"/>
      <c r="M121" s="40"/>
      <c r="N121" s="40"/>
      <c r="O121" s="40"/>
      <c r="P121" s="40"/>
      <c r="Q121" s="40"/>
      <c r="R121" s="40"/>
      <c r="S121" s="40"/>
    </row>
    <row r="122" spans="2:19" ht="13.5">
      <c r="B122" s="40"/>
      <c r="C122" s="40"/>
      <c r="D122" s="40"/>
      <c r="E122" s="40"/>
      <c r="F122" s="40"/>
      <c r="G122" s="40"/>
      <c r="H122" s="40"/>
      <c r="L122" s="40"/>
      <c r="M122" s="40"/>
      <c r="N122" s="40"/>
      <c r="O122" s="40"/>
      <c r="P122" s="40"/>
      <c r="Q122" s="40"/>
      <c r="R122" s="40"/>
      <c r="S122" s="40"/>
    </row>
    <row r="123" spans="2:19" ht="13.5">
      <c r="B123" s="40"/>
      <c r="C123" s="40"/>
      <c r="D123" s="40"/>
      <c r="E123" s="40"/>
      <c r="F123" s="40"/>
      <c r="G123" s="40"/>
      <c r="H123" s="40"/>
      <c r="L123" s="40"/>
      <c r="M123" s="40"/>
      <c r="N123" s="40"/>
      <c r="O123" s="40"/>
      <c r="P123" s="40"/>
      <c r="Q123" s="40"/>
      <c r="R123" s="40"/>
      <c r="S123" s="40"/>
    </row>
    <row r="124" spans="2:19" ht="13.5">
      <c r="B124" s="40"/>
      <c r="C124" s="40"/>
      <c r="D124" s="40"/>
      <c r="E124" s="40"/>
      <c r="F124" s="40"/>
      <c r="G124" s="40"/>
      <c r="H124" s="40"/>
      <c r="L124" s="40"/>
      <c r="M124" s="40"/>
      <c r="N124" s="40"/>
      <c r="O124" s="40"/>
      <c r="P124" s="40"/>
      <c r="Q124" s="40"/>
      <c r="R124" s="40"/>
      <c r="S124" s="40"/>
    </row>
    <row r="125" spans="2:19" ht="13.5">
      <c r="B125" s="40"/>
      <c r="C125" s="40"/>
      <c r="D125" s="40"/>
      <c r="E125" s="40"/>
      <c r="F125" s="40"/>
      <c r="G125" s="40"/>
      <c r="H125" s="40"/>
      <c r="L125" s="40"/>
      <c r="M125" s="40"/>
      <c r="N125" s="40"/>
      <c r="O125" s="40"/>
      <c r="P125" s="40"/>
      <c r="Q125" s="40"/>
      <c r="R125" s="40"/>
      <c r="S125" s="40"/>
    </row>
    <row r="126" spans="2:19" ht="13.5">
      <c r="B126" s="40"/>
      <c r="C126" s="40"/>
      <c r="D126" s="40"/>
      <c r="E126" s="40"/>
      <c r="F126" s="40"/>
      <c r="G126" s="40"/>
      <c r="H126" s="40"/>
      <c r="L126" s="40"/>
      <c r="M126" s="40"/>
      <c r="N126" s="40"/>
      <c r="O126" s="40"/>
      <c r="P126" s="40"/>
      <c r="Q126" s="40"/>
      <c r="R126" s="40"/>
      <c r="S126" s="40"/>
    </row>
    <row r="127" spans="2:19" ht="13.5">
      <c r="B127" s="40"/>
      <c r="C127" s="40"/>
      <c r="D127" s="40"/>
      <c r="E127" s="40"/>
      <c r="F127" s="40"/>
      <c r="G127" s="40"/>
      <c r="H127" s="40"/>
      <c r="L127" s="40"/>
      <c r="M127" s="40"/>
      <c r="N127" s="40"/>
      <c r="O127" s="40"/>
      <c r="P127" s="40"/>
      <c r="Q127" s="40"/>
      <c r="R127" s="40"/>
      <c r="S127" s="40"/>
    </row>
    <row r="128" spans="2:19" ht="13.5">
      <c r="B128" s="40"/>
      <c r="C128" s="40"/>
      <c r="D128" s="40"/>
      <c r="E128" s="40"/>
      <c r="F128" s="40"/>
      <c r="G128" s="40"/>
      <c r="H128" s="40"/>
      <c r="L128" s="40"/>
      <c r="M128" s="40"/>
      <c r="N128" s="40"/>
      <c r="O128" s="40"/>
      <c r="P128" s="40"/>
      <c r="Q128" s="40"/>
      <c r="R128" s="40"/>
      <c r="S128" s="40"/>
    </row>
    <row r="129" spans="2:19" ht="13.5">
      <c r="B129" s="40"/>
      <c r="C129" s="40"/>
      <c r="D129" s="40"/>
      <c r="E129" s="40"/>
      <c r="F129" s="40"/>
      <c r="G129" s="40"/>
      <c r="H129" s="40"/>
      <c r="L129" s="40"/>
      <c r="M129" s="40"/>
      <c r="N129" s="40"/>
      <c r="O129" s="40"/>
      <c r="P129" s="40"/>
      <c r="Q129" s="40"/>
      <c r="R129" s="40"/>
      <c r="S129" s="40"/>
    </row>
    <row r="130" spans="2:19" ht="13.5">
      <c r="B130" s="40"/>
      <c r="C130" s="40"/>
      <c r="D130" s="40"/>
      <c r="E130" s="40"/>
      <c r="F130" s="40"/>
      <c r="G130" s="40"/>
      <c r="H130" s="40"/>
      <c r="L130" s="40"/>
      <c r="M130" s="40"/>
      <c r="N130" s="40"/>
      <c r="O130" s="40"/>
      <c r="P130" s="40"/>
      <c r="Q130" s="40"/>
      <c r="R130" s="40"/>
      <c r="S130" s="40"/>
    </row>
    <row r="131" spans="2:19" ht="13.5">
      <c r="B131" s="40"/>
      <c r="C131" s="40"/>
      <c r="D131" s="40"/>
      <c r="E131" s="40"/>
      <c r="F131" s="40"/>
      <c r="G131" s="40"/>
      <c r="H131" s="40"/>
      <c r="L131" s="40"/>
      <c r="M131" s="40"/>
      <c r="N131" s="40"/>
      <c r="O131" s="40"/>
      <c r="P131" s="40"/>
      <c r="Q131" s="40"/>
      <c r="R131" s="40"/>
      <c r="S131" s="40"/>
    </row>
    <row r="132" spans="2:19" ht="13.5">
      <c r="B132" s="40"/>
      <c r="C132" s="40"/>
      <c r="D132" s="40"/>
      <c r="E132" s="40"/>
      <c r="F132" s="40"/>
      <c r="G132" s="40"/>
      <c r="H132" s="40"/>
      <c r="L132" s="40"/>
      <c r="M132" s="40"/>
      <c r="N132" s="40"/>
      <c r="O132" s="40"/>
      <c r="P132" s="40"/>
      <c r="Q132" s="40"/>
      <c r="R132" s="40"/>
      <c r="S132" s="40"/>
    </row>
    <row r="133" spans="2:19" ht="13.5">
      <c r="B133" s="40"/>
      <c r="C133" s="40"/>
      <c r="D133" s="40"/>
      <c r="E133" s="40"/>
      <c r="F133" s="40"/>
      <c r="G133" s="40"/>
      <c r="H133" s="40"/>
      <c r="L133" s="40"/>
      <c r="M133" s="40"/>
      <c r="N133" s="40"/>
      <c r="O133" s="40"/>
      <c r="P133" s="40"/>
      <c r="Q133" s="40"/>
      <c r="R133" s="40"/>
      <c r="S133" s="40"/>
    </row>
    <row r="134" spans="2:19" ht="13.5">
      <c r="B134" s="40"/>
      <c r="C134" s="40"/>
      <c r="D134" s="40"/>
      <c r="E134" s="40"/>
      <c r="F134" s="40"/>
      <c r="G134" s="40"/>
      <c r="H134" s="40"/>
      <c r="L134" s="40"/>
      <c r="M134" s="40"/>
      <c r="N134" s="40"/>
      <c r="O134" s="40"/>
      <c r="P134" s="40"/>
      <c r="Q134" s="40"/>
      <c r="R134" s="40"/>
      <c r="S134" s="40"/>
    </row>
    <row r="135" spans="2:19" ht="13.5">
      <c r="B135" s="40"/>
      <c r="C135" s="40"/>
      <c r="D135" s="40"/>
      <c r="E135" s="40"/>
      <c r="F135" s="40"/>
      <c r="G135" s="40"/>
      <c r="H135" s="40"/>
      <c r="L135" s="40"/>
      <c r="M135" s="40"/>
      <c r="N135" s="40"/>
      <c r="O135" s="40"/>
      <c r="P135" s="40"/>
      <c r="Q135" s="40"/>
      <c r="R135" s="40"/>
      <c r="S135" s="40"/>
    </row>
    <row r="136" spans="2:19" ht="13.5">
      <c r="B136" s="40"/>
      <c r="C136" s="40"/>
      <c r="D136" s="40"/>
      <c r="E136" s="40"/>
      <c r="F136" s="40"/>
      <c r="G136" s="40"/>
      <c r="H136" s="40"/>
      <c r="L136" s="40"/>
      <c r="M136" s="40"/>
      <c r="N136" s="40"/>
      <c r="O136" s="40"/>
      <c r="P136" s="40"/>
      <c r="Q136" s="40"/>
      <c r="R136" s="40"/>
      <c r="S136" s="40"/>
    </row>
    <row r="137" spans="2:19" ht="13.5">
      <c r="B137" s="40"/>
      <c r="C137" s="40"/>
      <c r="D137" s="40"/>
      <c r="E137" s="40"/>
      <c r="F137" s="40"/>
      <c r="G137" s="40"/>
      <c r="H137" s="40"/>
      <c r="L137" s="40"/>
      <c r="M137" s="40"/>
      <c r="N137" s="40"/>
      <c r="O137" s="40"/>
      <c r="P137" s="40"/>
      <c r="Q137" s="40"/>
      <c r="R137" s="40"/>
      <c r="S137" s="40"/>
    </row>
    <row r="138" spans="2:19" ht="13.5">
      <c r="B138" s="40"/>
      <c r="C138" s="40"/>
      <c r="D138" s="40"/>
      <c r="E138" s="40"/>
      <c r="F138" s="40"/>
      <c r="G138" s="40"/>
      <c r="H138" s="40"/>
      <c r="L138" s="40"/>
      <c r="M138" s="40"/>
      <c r="N138" s="40"/>
      <c r="O138" s="40"/>
      <c r="P138" s="40"/>
      <c r="Q138" s="40"/>
      <c r="R138" s="40"/>
      <c r="S138" s="40"/>
    </row>
    <row r="139" spans="2:19" ht="13.5">
      <c r="B139" s="40"/>
      <c r="C139" s="40"/>
      <c r="D139" s="40"/>
      <c r="E139" s="40"/>
      <c r="F139" s="40"/>
      <c r="G139" s="40"/>
      <c r="H139" s="40"/>
      <c r="L139" s="40"/>
      <c r="M139" s="40"/>
      <c r="N139" s="40"/>
      <c r="O139" s="40"/>
      <c r="P139" s="40"/>
      <c r="Q139" s="40"/>
      <c r="R139" s="40"/>
      <c r="S139" s="40"/>
    </row>
    <row r="140" spans="2:19" ht="13.5">
      <c r="B140" s="40"/>
      <c r="C140" s="40"/>
      <c r="D140" s="40"/>
      <c r="E140" s="40"/>
      <c r="F140" s="40"/>
      <c r="G140" s="40"/>
      <c r="H140" s="40"/>
      <c r="L140" s="40"/>
      <c r="M140" s="40"/>
      <c r="N140" s="40"/>
      <c r="O140" s="40"/>
      <c r="P140" s="40"/>
      <c r="Q140" s="40"/>
      <c r="R140" s="40"/>
      <c r="S140" s="40"/>
    </row>
    <row r="141" spans="2:19" ht="13.5">
      <c r="B141" s="40"/>
      <c r="C141" s="40"/>
      <c r="D141" s="40"/>
      <c r="E141" s="40"/>
      <c r="F141" s="40"/>
      <c r="G141" s="40"/>
      <c r="H141" s="40"/>
      <c r="L141" s="40"/>
      <c r="M141" s="40"/>
      <c r="N141" s="40"/>
      <c r="O141" s="40"/>
      <c r="P141" s="40"/>
      <c r="Q141" s="40"/>
      <c r="R141" s="40"/>
      <c r="S141" s="40"/>
    </row>
    <row r="142" spans="2:19" ht="13.5">
      <c r="B142" s="40"/>
      <c r="C142" s="40"/>
      <c r="D142" s="40"/>
      <c r="E142" s="40"/>
      <c r="F142" s="40"/>
      <c r="G142" s="40"/>
      <c r="H142" s="40"/>
      <c r="L142" s="40"/>
      <c r="M142" s="40"/>
      <c r="N142" s="40"/>
      <c r="O142" s="40"/>
      <c r="P142" s="40"/>
      <c r="Q142" s="40"/>
      <c r="R142" s="40"/>
      <c r="S142" s="40"/>
    </row>
    <row r="143" spans="2:19" ht="13.5">
      <c r="B143" s="40"/>
      <c r="C143" s="40"/>
      <c r="D143" s="40"/>
      <c r="E143" s="40"/>
      <c r="F143" s="40"/>
      <c r="G143" s="40"/>
      <c r="H143" s="40"/>
      <c r="L143" s="40"/>
      <c r="M143" s="40"/>
      <c r="N143" s="40"/>
      <c r="O143" s="40"/>
      <c r="P143" s="40"/>
      <c r="Q143" s="40"/>
      <c r="R143" s="40"/>
      <c r="S143" s="40"/>
    </row>
    <row r="144" spans="2:19" ht="13.5">
      <c r="B144" s="40"/>
      <c r="C144" s="40"/>
      <c r="D144" s="40"/>
      <c r="E144" s="40"/>
      <c r="F144" s="40"/>
      <c r="G144" s="40"/>
      <c r="H144" s="40"/>
      <c r="L144" s="40"/>
      <c r="M144" s="40"/>
      <c r="N144" s="40"/>
      <c r="O144" s="40"/>
      <c r="P144" s="40"/>
      <c r="Q144" s="40"/>
      <c r="R144" s="40"/>
      <c r="S144" s="40"/>
    </row>
    <row r="145" spans="2:19" ht="13.5">
      <c r="B145" s="40"/>
      <c r="C145" s="40"/>
      <c r="D145" s="40"/>
      <c r="E145" s="40"/>
      <c r="F145" s="40"/>
      <c r="G145" s="40"/>
      <c r="H145" s="40"/>
      <c r="L145" s="40"/>
      <c r="M145" s="40"/>
      <c r="N145" s="40"/>
      <c r="O145" s="40"/>
      <c r="P145" s="40"/>
      <c r="Q145" s="40"/>
      <c r="R145" s="40"/>
      <c r="S145" s="40"/>
    </row>
    <row r="146" spans="2:19" ht="13.5">
      <c r="B146" s="40"/>
      <c r="C146" s="40"/>
      <c r="D146" s="40"/>
      <c r="E146" s="40"/>
      <c r="F146" s="40"/>
      <c r="G146" s="40"/>
      <c r="H146" s="40"/>
      <c r="L146" s="40"/>
      <c r="M146" s="40"/>
      <c r="N146" s="40"/>
      <c r="O146" s="40"/>
      <c r="P146" s="40"/>
      <c r="Q146" s="40"/>
      <c r="R146" s="40"/>
      <c r="S146" s="40"/>
    </row>
    <row r="147" spans="2:19" ht="13.5">
      <c r="B147" s="40"/>
      <c r="C147" s="40"/>
      <c r="D147" s="40"/>
      <c r="E147" s="40"/>
      <c r="F147" s="40"/>
      <c r="G147" s="40"/>
      <c r="H147" s="40"/>
      <c r="L147" s="40"/>
      <c r="M147" s="40"/>
      <c r="N147" s="40"/>
      <c r="O147" s="40"/>
      <c r="P147" s="40"/>
      <c r="Q147" s="40"/>
      <c r="R147" s="40"/>
      <c r="S147" s="40"/>
    </row>
    <row r="148" spans="2:19" ht="13.5">
      <c r="B148" s="40"/>
      <c r="C148" s="40"/>
      <c r="D148" s="40"/>
      <c r="E148" s="40"/>
      <c r="F148" s="40"/>
      <c r="G148" s="40"/>
      <c r="H148" s="40"/>
      <c r="L148" s="40"/>
      <c r="M148" s="40"/>
      <c r="N148" s="40"/>
      <c r="O148" s="40"/>
      <c r="P148" s="40"/>
      <c r="Q148" s="40"/>
      <c r="R148" s="40"/>
      <c r="S148" s="40"/>
    </row>
    <row r="149" spans="2:19" ht="13.5">
      <c r="B149" s="40"/>
      <c r="C149" s="40"/>
      <c r="D149" s="40"/>
      <c r="E149" s="40"/>
      <c r="F149" s="40"/>
      <c r="G149" s="40"/>
      <c r="H149" s="40"/>
      <c r="L149" s="40"/>
      <c r="M149" s="40"/>
      <c r="N149" s="40"/>
      <c r="O149" s="40"/>
      <c r="P149" s="40"/>
      <c r="Q149" s="40"/>
      <c r="R149" s="40"/>
      <c r="S149" s="40"/>
    </row>
    <row r="150" spans="2:19" ht="13.5">
      <c r="B150" s="40"/>
      <c r="C150" s="40"/>
      <c r="D150" s="40"/>
      <c r="E150" s="40"/>
      <c r="F150" s="40"/>
      <c r="G150" s="40"/>
      <c r="H150" s="40"/>
      <c r="L150" s="40"/>
      <c r="M150" s="40"/>
      <c r="N150" s="40"/>
      <c r="O150" s="40"/>
      <c r="P150" s="40"/>
      <c r="Q150" s="40"/>
      <c r="R150" s="40"/>
      <c r="S150" s="40"/>
    </row>
    <row r="151" spans="2:19" ht="13.5">
      <c r="B151" s="40"/>
      <c r="C151" s="40"/>
      <c r="D151" s="40"/>
      <c r="E151" s="40"/>
      <c r="F151" s="40"/>
      <c r="G151" s="40"/>
      <c r="H151" s="40"/>
      <c r="L151" s="40"/>
      <c r="M151" s="40"/>
      <c r="N151" s="40"/>
      <c r="O151" s="40"/>
      <c r="P151" s="40"/>
      <c r="Q151" s="40"/>
      <c r="R151" s="40"/>
      <c r="S151" s="40"/>
    </row>
    <row r="152" spans="2:19" ht="13.5">
      <c r="B152" s="40"/>
      <c r="C152" s="40"/>
      <c r="D152" s="40"/>
      <c r="E152" s="40"/>
      <c r="F152" s="40"/>
      <c r="G152" s="40"/>
      <c r="H152" s="40"/>
      <c r="L152" s="40"/>
      <c r="M152" s="40"/>
      <c r="N152" s="40"/>
      <c r="O152" s="40"/>
      <c r="P152" s="40"/>
      <c r="Q152" s="40"/>
      <c r="R152" s="40"/>
      <c r="S152" s="40"/>
    </row>
    <row r="153" spans="2:19" ht="13.5">
      <c r="B153" s="40"/>
      <c r="C153" s="40"/>
      <c r="D153" s="40"/>
      <c r="E153" s="40"/>
      <c r="F153" s="40"/>
      <c r="G153" s="40"/>
      <c r="H153" s="40"/>
      <c r="L153" s="40"/>
      <c r="M153" s="40"/>
      <c r="N153" s="40"/>
      <c r="O153" s="40"/>
      <c r="P153" s="40"/>
      <c r="Q153" s="40"/>
      <c r="R153" s="40"/>
      <c r="S153" s="40"/>
    </row>
    <row r="154" spans="2:19" ht="13.5">
      <c r="B154" s="40"/>
      <c r="C154" s="40"/>
      <c r="D154" s="40"/>
      <c r="E154" s="40"/>
      <c r="F154" s="40"/>
      <c r="G154" s="40"/>
      <c r="H154" s="40"/>
      <c r="L154" s="40"/>
      <c r="M154" s="40"/>
      <c r="N154" s="40"/>
      <c r="O154" s="40"/>
      <c r="P154" s="40"/>
      <c r="Q154" s="40"/>
      <c r="R154" s="40"/>
      <c r="S154" s="40"/>
    </row>
    <row r="155" spans="2:19" ht="13.5">
      <c r="B155" s="40"/>
      <c r="C155" s="40"/>
      <c r="D155" s="40"/>
      <c r="E155" s="40"/>
      <c r="F155" s="40"/>
      <c r="G155" s="40"/>
      <c r="H155" s="40"/>
      <c r="L155" s="40"/>
      <c r="M155" s="40"/>
      <c r="N155" s="40"/>
      <c r="O155" s="40"/>
      <c r="P155" s="40"/>
      <c r="Q155" s="40"/>
      <c r="R155" s="40"/>
      <c r="S155" s="40"/>
    </row>
    <row r="156" spans="2:19" ht="13.5">
      <c r="B156" s="40"/>
      <c r="C156" s="40"/>
      <c r="D156" s="40"/>
      <c r="E156" s="40"/>
      <c r="F156" s="40"/>
      <c r="G156" s="40"/>
      <c r="H156" s="40"/>
      <c r="L156" s="40"/>
      <c r="M156" s="40"/>
      <c r="N156" s="40"/>
      <c r="O156" s="40"/>
      <c r="P156" s="40"/>
      <c r="Q156" s="40"/>
      <c r="R156" s="40"/>
      <c r="S156" s="40"/>
    </row>
    <row r="157" spans="2:19" ht="13.5">
      <c r="B157" s="40"/>
      <c r="C157" s="40"/>
      <c r="D157" s="40"/>
      <c r="E157" s="40"/>
      <c r="F157" s="40"/>
      <c r="G157" s="40"/>
      <c r="H157" s="40"/>
      <c r="L157" s="40"/>
      <c r="M157" s="40"/>
      <c r="N157" s="40"/>
      <c r="O157" s="40"/>
      <c r="P157" s="40"/>
      <c r="Q157" s="40"/>
      <c r="R157" s="40"/>
      <c r="S157" s="40"/>
    </row>
    <row r="158" spans="2:19" ht="13.5">
      <c r="B158" s="40"/>
      <c r="C158" s="40"/>
      <c r="D158" s="40"/>
      <c r="E158" s="40"/>
      <c r="F158" s="40"/>
      <c r="G158" s="40"/>
      <c r="H158" s="40"/>
      <c r="L158" s="40"/>
      <c r="M158" s="40"/>
      <c r="N158" s="40"/>
      <c r="O158" s="40"/>
      <c r="P158" s="40"/>
      <c r="Q158" s="40"/>
      <c r="R158" s="40"/>
      <c r="S158" s="40"/>
    </row>
    <row r="159" spans="2:19" ht="13.5">
      <c r="B159" s="40"/>
      <c r="C159" s="40"/>
      <c r="D159" s="40"/>
      <c r="E159" s="40"/>
      <c r="F159" s="40"/>
      <c r="G159" s="40"/>
      <c r="H159" s="40"/>
      <c r="L159" s="40"/>
      <c r="M159" s="40"/>
      <c r="N159" s="40"/>
      <c r="O159" s="40"/>
      <c r="P159" s="40"/>
      <c r="Q159" s="40"/>
      <c r="R159" s="40"/>
      <c r="S159" s="40"/>
    </row>
    <row r="160" spans="2:19" ht="13.5">
      <c r="B160" s="40"/>
      <c r="C160" s="40"/>
      <c r="D160" s="40"/>
      <c r="E160" s="40"/>
      <c r="F160" s="40"/>
      <c r="G160" s="40"/>
      <c r="H160" s="40"/>
      <c r="L160" s="40"/>
      <c r="M160" s="40"/>
      <c r="N160" s="40"/>
      <c r="O160" s="40"/>
      <c r="P160" s="40"/>
      <c r="Q160" s="40"/>
      <c r="R160" s="40"/>
      <c r="S160" s="40"/>
    </row>
    <row r="161" spans="2:19" ht="13.5">
      <c r="B161" s="40"/>
      <c r="C161" s="40"/>
      <c r="D161" s="40"/>
      <c r="E161" s="40"/>
      <c r="F161" s="40"/>
      <c r="G161" s="40"/>
      <c r="H161" s="40"/>
      <c r="L161" s="40"/>
      <c r="M161" s="40"/>
      <c r="N161" s="40"/>
      <c r="O161" s="40"/>
      <c r="P161" s="40"/>
      <c r="Q161" s="40"/>
      <c r="R161" s="40"/>
      <c r="S161" s="40"/>
    </row>
    <row r="162" spans="2:19" ht="13.5">
      <c r="B162" s="40"/>
      <c r="C162" s="40"/>
      <c r="D162" s="40"/>
      <c r="E162" s="40"/>
      <c r="F162" s="40"/>
      <c r="G162" s="40"/>
      <c r="H162" s="40"/>
      <c r="L162" s="40"/>
      <c r="M162" s="40"/>
      <c r="N162" s="40"/>
      <c r="O162" s="40"/>
      <c r="P162" s="40"/>
      <c r="Q162" s="40"/>
      <c r="R162" s="40"/>
      <c r="S162" s="40"/>
    </row>
    <row r="163" spans="2:19" ht="13.5">
      <c r="B163" s="40"/>
      <c r="C163" s="40"/>
      <c r="D163" s="40"/>
      <c r="E163" s="40"/>
      <c r="F163" s="40"/>
      <c r="G163" s="40"/>
      <c r="H163" s="40"/>
      <c r="L163" s="40"/>
      <c r="M163" s="40"/>
      <c r="N163" s="40"/>
      <c r="O163" s="40"/>
      <c r="P163" s="40"/>
      <c r="Q163" s="40"/>
      <c r="R163" s="40"/>
      <c r="S163" s="40"/>
    </row>
    <row r="164" spans="2:19" ht="13.5">
      <c r="B164" s="40"/>
      <c r="C164" s="40"/>
      <c r="D164" s="40"/>
      <c r="E164" s="40"/>
      <c r="F164" s="40"/>
      <c r="G164" s="40"/>
      <c r="H164" s="40"/>
      <c r="L164" s="40"/>
      <c r="M164" s="40"/>
      <c r="N164" s="40"/>
      <c r="O164" s="40"/>
      <c r="P164" s="40"/>
      <c r="Q164" s="40"/>
      <c r="R164" s="40"/>
      <c r="S164" s="40"/>
    </row>
    <row r="165" spans="2:19" ht="13.5">
      <c r="B165" s="40"/>
      <c r="C165" s="40"/>
      <c r="D165" s="40"/>
      <c r="E165" s="40"/>
      <c r="F165" s="40"/>
      <c r="G165" s="40"/>
      <c r="H165" s="40"/>
      <c r="L165" s="40"/>
      <c r="M165" s="40"/>
      <c r="N165" s="40"/>
      <c r="O165" s="40"/>
      <c r="P165" s="40"/>
      <c r="Q165" s="40"/>
      <c r="R165" s="40"/>
      <c r="S165" s="40"/>
    </row>
    <row r="166" spans="2:19" ht="13.5">
      <c r="B166" s="40"/>
      <c r="C166" s="40"/>
      <c r="D166" s="40"/>
      <c r="E166" s="40"/>
      <c r="F166" s="40"/>
      <c r="G166" s="40"/>
      <c r="H166" s="40"/>
      <c r="L166" s="40"/>
      <c r="M166" s="40"/>
      <c r="N166" s="40"/>
      <c r="O166" s="40"/>
      <c r="P166" s="40"/>
      <c r="Q166" s="40"/>
      <c r="R166" s="40"/>
      <c r="S166" s="40"/>
    </row>
    <row r="167" spans="2:19" ht="13.5">
      <c r="B167" s="40"/>
      <c r="C167" s="40"/>
      <c r="D167" s="40"/>
      <c r="E167" s="40"/>
      <c r="F167" s="40"/>
      <c r="G167" s="40"/>
      <c r="H167" s="40"/>
      <c r="L167" s="40"/>
      <c r="M167" s="40"/>
      <c r="N167" s="40"/>
      <c r="O167" s="40"/>
      <c r="P167" s="40"/>
      <c r="Q167" s="40"/>
      <c r="R167" s="40"/>
      <c r="S167" s="40"/>
    </row>
    <row r="168" spans="2:19" ht="13.5">
      <c r="B168" s="40"/>
      <c r="C168" s="40"/>
      <c r="D168" s="40"/>
      <c r="E168" s="40"/>
      <c r="F168" s="40"/>
      <c r="G168" s="40"/>
      <c r="H168" s="40"/>
      <c r="L168" s="40"/>
      <c r="M168" s="40"/>
      <c r="N168" s="40"/>
      <c r="O168" s="40"/>
      <c r="P168" s="40"/>
      <c r="Q168" s="40"/>
      <c r="R168" s="40"/>
      <c r="S168" s="40"/>
    </row>
    <row r="169" spans="2:19" ht="13.5">
      <c r="B169" s="40"/>
      <c r="C169" s="40"/>
      <c r="D169" s="40"/>
      <c r="E169" s="40"/>
      <c r="F169" s="40"/>
      <c r="G169" s="40"/>
      <c r="H169" s="40"/>
      <c r="L169" s="40"/>
      <c r="M169" s="40"/>
      <c r="N169" s="40"/>
      <c r="O169" s="40"/>
      <c r="P169" s="40"/>
      <c r="Q169" s="40"/>
      <c r="R169" s="40"/>
      <c r="S169" s="40"/>
    </row>
    <row r="170" spans="2:19" ht="13.5">
      <c r="B170" s="40"/>
      <c r="C170" s="40"/>
      <c r="D170" s="40"/>
      <c r="E170" s="40"/>
      <c r="F170" s="40"/>
      <c r="G170" s="40"/>
      <c r="H170" s="40"/>
      <c r="L170" s="40"/>
      <c r="M170" s="40"/>
      <c r="N170" s="40"/>
      <c r="O170" s="40"/>
      <c r="P170" s="40"/>
      <c r="Q170" s="40"/>
      <c r="R170" s="40"/>
      <c r="S170" s="40"/>
    </row>
    <row r="171" spans="2:19" ht="13.5">
      <c r="B171" s="40"/>
      <c r="C171" s="40"/>
      <c r="D171" s="40"/>
      <c r="E171" s="40"/>
      <c r="F171" s="40"/>
      <c r="G171" s="40"/>
      <c r="H171" s="40"/>
      <c r="L171" s="40"/>
      <c r="M171" s="40"/>
      <c r="N171" s="40"/>
      <c r="O171" s="40"/>
      <c r="P171" s="40"/>
      <c r="Q171" s="40"/>
      <c r="R171" s="40"/>
      <c r="S171" s="40"/>
    </row>
    <row r="172" spans="2:19" ht="13.5">
      <c r="B172" s="40"/>
      <c r="C172" s="40"/>
      <c r="D172" s="40"/>
      <c r="E172" s="40"/>
      <c r="F172" s="40"/>
      <c r="G172" s="40"/>
      <c r="H172" s="40"/>
      <c r="L172" s="40"/>
      <c r="M172" s="40"/>
      <c r="N172" s="40"/>
      <c r="O172" s="40"/>
      <c r="P172" s="40"/>
      <c r="Q172" s="40"/>
      <c r="R172" s="40"/>
      <c r="S172" s="40"/>
    </row>
    <row r="173" spans="2:19" ht="13.5">
      <c r="B173" s="40"/>
      <c r="C173" s="40"/>
      <c r="D173" s="40"/>
      <c r="E173" s="40"/>
      <c r="F173" s="40"/>
      <c r="G173" s="40"/>
      <c r="H173" s="40"/>
      <c r="L173" s="40"/>
      <c r="M173" s="40"/>
      <c r="N173" s="40"/>
      <c r="O173" s="40"/>
      <c r="P173" s="40"/>
      <c r="Q173" s="40"/>
      <c r="R173" s="40"/>
      <c r="S173" s="40"/>
    </row>
    <row r="174" spans="2:19" ht="13.5">
      <c r="B174" s="40"/>
      <c r="C174" s="40"/>
      <c r="D174" s="40"/>
      <c r="E174" s="40"/>
      <c r="F174" s="40"/>
      <c r="G174" s="40"/>
      <c r="H174" s="40"/>
      <c r="L174" s="40"/>
      <c r="M174" s="40"/>
      <c r="N174" s="40"/>
      <c r="O174" s="40"/>
      <c r="P174" s="40"/>
      <c r="Q174" s="40"/>
      <c r="R174" s="40"/>
      <c r="S174" s="40"/>
    </row>
    <row r="175" spans="2:19" ht="13.5">
      <c r="B175" s="40"/>
      <c r="C175" s="40"/>
      <c r="D175" s="40"/>
      <c r="E175" s="40"/>
      <c r="F175" s="40"/>
      <c r="G175" s="40"/>
      <c r="H175" s="40"/>
      <c r="L175" s="40"/>
      <c r="M175" s="40"/>
      <c r="N175" s="40"/>
      <c r="O175" s="40"/>
      <c r="P175" s="40"/>
      <c r="Q175" s="40"/>
      <c r="R175" s="40"/>
      <c r="S175" s="40"/>
    </row>
    <row r="176" spans="2:19" ht="13.5">
      <c r="B176" s="40"/>
      <c r="C176" s="40"/>
      <c r="D176" s="40"/>
      <c r="E176" s="40"/>
      <c r="F176" s="40"/>
      <c r="G176" s="40"/>
      <c r="H176" s="40"/>
      <c r="L176" s="40"/>
      <c r="M176" s="40"/>
      <c r="N176" s="40"/>
      <c r="O176" s="40"/>
      <c r="P176" s="40"/>
      <c r="Q176" s="40"/>
      <c r="R176" s="40"/>
      <c r="S176" s="40"/>
    </row>
    <row r="177" spans="2:19" ht="13.5">
      <c r="B177" s="40"/>
      <c r="C177" s="40"/>
      <c r="D177" s="40"/>
      <c r="E177" s="40"/>
      <c r="F177" s="40"/>
      <c r="G177" s="40"/>
      <c r="H177" s="40"/>
      <c r="L177" s="40"/>
      <c r="M177" s="40"/>
      <c r="N177" s="40"/>
      <c r="O177" s="40"/>
      <c r="P177" s="40"/>
      <c r="Q177" s="40"/>
      <c r="R177" s="40"/>
      <c r="S177" s="40"/>
    </row>
    <row r="178" spans="2:19" ht="13.5">
      <c r="B178" s="40"/>
      <c r="C178" s="40"/>
      <c r="D178" s="40"/>
      <c r="E178" s="40"/>
      <c r="F178" s="40"/>
      <c r="G178" s="40"/>
      <c r="H178" s="40"/>
      <c r="L178" s="40"/>
      <c r="M178" s="40"/>
      <c r="N178" s="40"/>
      <c r="O178" s="40"/>
      <c r="P178" s="40"/>
      <c r="Q178" s="40"/>
      <c r="R178" s="40"/>
      <c r="S178" s="40"/>
    </row>
    <row r="179" spans="2:19" ht="13.5">
      <c r="B179" s="40"/>
      <c r="C179" s="40"/>
      <c r="D179" s="40"/>
      <c r="E179" s="40"/>
      <c r="F179" s="40"/>
      <c r="G179" s="40"/>
      <c r="H179" s="40"/>
      <c r="L179" s="40"/>
      <c r="M179" s="40"/>
      <c r="N179" s="40"/>
      <c r="O179" s="40"/>
      <c r="P179" s="40"/>
      <c r="Q179" s="40"/>
      <c r="R179" s="40"/>
      <c r="S179" s="40"/>
    </row>
    <row r="180" spans="2:19" ht="13.5">
      <c r="B180" s="40"/>
      <c r="C180" s="40"/>
      <c r="D180" s="40"/>
      <c r="E180" s="40"/>
      <c r="F180" s="40"/>
      <c r="G180" s="40"/>
      <c r="H180" s="40"/>
      <c r="L180" s="40"/>
      <c r="M180" s="40"/>
      <c r="N180" s="40"/>
      <c r="O180" s="40"/>
      <c r="P180" s="40"/>
      <c r="Q180" s="40"/>
      <c r="R180" s="40"/>
      <c r="S180" s="40"/>
    </row>
    <row r="181" spans="2:19" ht="13.5">
      <c r="B181" s="40"/>
      <c r="C181" s="40"/>
      <c r="D181" s="40"/>
      <c r="E181" s="40"/>
      <c r="F181" s="40"/>
      <c r="G181" s="40"/>
      <c r="H181" s="40"/>
      <c r="L181" s="40"/>
      <c r="M181" s="40"/>
      <c r="N181" s="40"/>
      <c r="O181" s="40"/>
      <c r="P181" s="40"/>
      <c r="Q181" s="40"/>
      <c r="R181" s="40"/>
      <c r="S181" s="40"/>
    </row>
    <row r="182" spans="2:19" ht="13.5">
      <c r="B182" s="40"/>
      <c r="C182" s="40"/>
      <c r="D182" s="40"/>
      <c r="E182" s="40"/>
      <c r="F182" s="40"/>
      <c r="G182" s="40"/>
      <c r="H182" s="40"/>
      <c r="L182" s="40"/>
      <c r="M182" s="40"/>
      <c r="N182" s="40"/>
      <c r="O182" s="40"/>
      <c r="P182" s="40"/>
      <c r="Q182" s="40"/>
      <c r="R182" s="40"/>
      <c r="S182" s="40"/>
    </row>
    <row r="183" spans="2:19" ht="13.5">
      <c r="B183" s="40"/>
      <c r="C183" s="40"/>
      <c r="D183" s="40"/>
      <c r="E183" s="40"/>
      <c r="F183" s="40"/>
      <c r="G183" s="40"/>
      <c r="H183" s="40"/>
      <c r="L183" s="40"/>
      <c r="M183" s="40"/>
      <c r="N183" s="40"/>
      <c r="O183" s="40"/>
      <c r="P183" s="40"/>
      <c r="Q183" s="40"/>
      <c r="R183" s="40"/>
      <c r="S183" s="40"/>
    </row>
    <row r="184" spans="2:19" ht="13.5">
      <c r="B184" s="40"/>
      <c r="C184" s="40"/>
      <c r="D184" s="40"/>
      <c r="E184" s="40"/>
      <c r="F184" s="40"/>
      <c r="G184" s="40"/>
      <c r="H184" s="40"/>
      <c r="L184" s="40"/>
      <c r="M184" s="40"/>
      <c r="N184" s="40"/>
      <c r="O184" s="40"/>
      <c r="P184" s="40"/>
      <c r="Q184" s="40"/>
      <c r="R184" s="40"/>
      <c r="S184" s="40"/>
    </row>
    <row r="185" spans="2:19" ht="13.5">
      <c r="B185" s="40"/>
      <c r="C185" s="40"/>
      <c r="D185" s="40"/>
      <c r="E185" s="40"/>
      <c r="F185" s="40"/>
      <c r="G185" s="40"/>
      <c r="H185" s="40"/>
      <c r="L185" s="40"/>
      <c r="M185" s="40"/>
      <c r="N185" s="40"/>
      <c r="O185" s="40"/>
      <c r="P185" s="40"/>
      <c r="Q185" s="40"/>
      <c r="R185" s="40"/>
      <c r="S185" s="40"/>
    </row>
    <row r="186" spans="2:19" ht="13.5">
      <c r="B186" s="40"/>
      <c r="C186" s="40"/>
      <c r="D186" s="40"/>
      <c r="E186" s="40"/>
      <c r="F186" s="40"/>
      <c r="G186" s="40"/>
      <c r="H186" s="40"/>
      <c r="L186" s="40"/>
      <c r="M186" s="40"/>
      <c r="N186" s="40"/>
      <c r="O186" s="40"/>
      <c r="P186" s="40"/>
      <c r="Q186" s="40"/>
      <c r="R186" s="40"/>
      <c r="S186" s="40"/>
    </row>
    <row r="187" spans="2:19" ht="13.5">
      <c r="B187" s="40"/>
      <c r="C187" s="40"/>
      <c r="D187" s="40"/>
      <c r="E187" s="40"/>
      <c r="F187" s="40"/>
      <c r="G187" s="40"/>
      <c r="H187" s="40"/>
      <c r="L187" s="40"/>
      <c r="M187" s="40"/>
      <c r="N187" s="40"/>
      <c r="O187" s="40"/>
      <c r="P187" s="40"/>
      <c r="Q187" s="40"/>
      <c r="R187" s="40"/>
      <c r="S187" s="40"/>
    </row>
    <row r="188" spans="2:19" ht="13.5">
      <c r="B188" s="40"/>
      <c r="C188" s="40"/>
      <c r="D188" s="40"/>
      <c r="E188" s="40"/>
      <c r="F188" s="40"/>
      <c r="G188" s="40"/>
      <c r="H188" s="40"/>
      <c r="L188" s="40"/>
      <c r="M188" s="40"/>
      <c r="N188" s="40"/>
      <c r="O188" s="40"/>
      <c r="P188" s="40"/>
      <c r="Q188" s="40"/>
      <c r="R188" s="40"/>
      <c r="S188" s="40"/>
    </row>
    <row r="189" spans="2:19" ht="13.5">
      <c r="B189" s="40"/>
      <c r="C189" s="40"/>
      <c r="D189" s="40"/>
      <c r="E189" s="40"/>
      <c r="F189" s="40"/>
      <c r="G189" s="40"/>
      <c r="H189" s="40"/>
      <c r="L189" s="40"/>
      <c r="M189" s="40"/>
      <c r="N189" s="40"/>
      <c r="O189" s="40"/>
      <c r="P189" s="40"/>
      <c r="Q189" s="40"/>
      <c r="R189" s="40"/>
      <c r="S189" s="40"/>
    </row>
    <row r="190" spans="2:19" ht="13.5">
      <c r="B190" s="40"/>
      <c r="C190" s="40"/>
      <c r="D190" s="40"/>
      <c r="E190" s="40"/>
      <c r="F190" s="40"/>
      <c r="G190" s="40"/>
      <c r="H190" s="40"/>
      <c r="L190" s="40"/>
      <c r="M190" s="40"/>
      <c r="N190" s="40"/>
      <c r="O190" s="40"/>
      <c r="P190" s="40"/>
      <c r="Q190" s="40"/>
      <c r="R190" s="40"/>
      <c r="S190" s="40"/>
    </row>
    <row r="191" spans="2:19" ht="13.5">
      <c r="B191" s="40"/>
      <c r="C191" s="40"/>
      <c r="D191" s="40"/>
      <c r="E191" s="40"/>
      <c r="F191" s="40"/>
      <c r="G191" s="40"/>
      <c r="H191" s="40"/>
      <c r="L191" s="40"/>
      <c r="M191" s="40"/>
      <c r="N191" s="40"/>
      <c r="O191" s="40"/>
      <c r="P191" s="40"/>
      <c r="Q191" s="40"/>
      <c r="R191" s="40"/>
      <c r="S191" s="40"/>
    </row>
    <row r="192" spans="2:19" ht="13.5">
      <c r="B192" s="40"/>
      <c r="C192" s="40"/>
      <c r="D192" s="40"/>
      <c r="E192" s="40"/>
      <c r="F192" s="40"/>
      <c r="G192" s="40"/>
      <c r="H192" s="40"/>
      <c r="L192" s="40"/>
      <c r="M192" s="40"/>
      <c r="N192" s="40"/>
      <c r="O192" s="40"/>
      <c r="P192" s="40"/>
      <c r="Q192" s="40"/>
      <c r="R192" s="40"/>
      <c r="S192" s="40"/>
    </row>
    <row r="193" spans="2:19" ht="13.5">
      <c r="B193" s="40"/>
      <c r="C193" s="40"/>
      <c r="D193" s="40"/>
      <c r="E193" s="40"/>
      <c r="F193" s="40"/>
      <c r="G193" s="40"/>
      <c r="H193" s="40"/>
      <c r="L193" s="40"/>
      <c r="M193" s="40"/>
      <c r="N193" s="40"/>
      <c r="O193" s="40"/>
      <c r="P193" s="40"/>
      <c r="Q193" s="40"/>
      <c r="R193" s="40"/>
      <c r="S193" s="40"/>
    </row>
    <row r="194" spans="2:19" ht="13.5">
      <c r="B194" s="40"/>
      <c r="C194" s="40"/>
      <c r="D194" s="40"/>
      <c r="E194" s="40"/>
      <c r="F194" s="40"/>
      <c r="G194" s="40"/>
      <c r="H194" s="40"/>
      <c r="L194" s="40"/>
      <c r="M194" s="40"/>
      <c r="N194" s="40"/>
      <c r="O194" s="40"/>
      <c r="P194" s="40"/>
      <c r="Q194" s="40"/>
      <c r="R194" s="40"/>
      <c r="S194" s="40"/>
    </row>
    <row r="195" spans="2:19" ht="13.5">
      <c r="B195" s="40"/>
      <c r="C195" s="40"/>
      <c r="D195" s="40"/>
      <c r="E195" s="40"/>
      <c r="F195" s="40"/>
      <c r="G195" s="40"/>
      <c r="H195" s="40"/>
      <c r="L195" s="40"/>
      <c r="M195" s="40"/>
      <c r="N195" s="40"/>
      <c r="O195" s="40"/>
      <c r="P195" s="40"/>
      <c r="Q195" s="40"/>
      <c r="R195" s="40"/>
      <c r="S195" s="40"/>
    </row>
    <row r="196" spans="2:19" ht="13.5">
      <c r="B196" s="40"/>
      <c r="C196" s="40"/>
      <c r="D196" s="40"/>
      <c r="E196" s="40"/>
      <c r="F196" s="40"/>
      <c r="G196" s="40"/>
      <c r="H196" s="40"/>
      <c r="L196" s="40"/>
      <c r="M196" s="40"/>
      <c r="N196" s="40"/>
      <c r="O196" s="40"/>
      <c r="P196" s="40"/>
      <c r="Q196" s="40"/>
      <c r="R196" s="40"/>
      <c r="S196" s="40"/>
    </row>
    <row r="197" spans="2:19" ht="13.5">
      <c r="B197" s="40"/>
      <c r="C197" s="40"/>
      <c r="D197" s="40"/>
      <c r="E197" s="40"/>
      <c r="F197" s="40"/>
      <c r="G197" s="40"/>
      <c r="H197" s="40"/>
      <c r="L197" s="40"/>
      <c r="M197" s="40"/>
      <c r="N197" s="40"/>
      <c r="O197" s="40"/>
      <c r="P197" s="40"/>
      <c r="Q197" s="40"/>
      <c r="R197" s="40"/>
      <c r="S197" s="40"/>
    </row>
    <row r="198" spans="2:19" ht="13.5">
      <c r="B198" s="40"/>
      <c r="C198" s="40"/>
      <c r="D198" s="40"/>
      <c r="E198" s="40"/>
      <c r="F198" s="40"/>
      <c r="G198" s="40"/>
      <c r="H198" s="40"/>
      <c r="L198" s="40"/>
      <c r="M198" s="40"/>
      <c r="N198" s="40"/>
      <c r="O198" s="40"/>
      <c r="P198" s="40"/>
      <c r="Q198" s="40"/>
      <c r="R198" s="40"/>
      <c r="S198" s="40"/>
    </row>
    <row r="199" spans="2:19" ht="13.5">
      <c r="B199" s="40"/>
      <c r="C199" s="40"/>
      <c r="D199" s="40"/>
      <c r="E199" s="40"/>
      <c r="F199" s="40"/>
      <c r="G199" s="40"/>
      <c r="H199" s="40"/>
      <c r="L199" s="40"/>
      <c r="M199" s="40"/>
      <c r="N199" s="40"/>
      <c r="O199" s="40"/>
      <c r="P199" s="40"/>
      <c r="Q199" s="40"/>
      <c r="R199" s="40"/>
      <c r="S199" s="40"/>
    </row>
    <row r="200" spans="2:19" ht="13.5">
      <c r="B200" s="40"/>
      <c r="C200" s="40"/>
      <c r="D200" s="40"/>
      <c r="E200" s="40"/>
      <c r="F200" s="40"/>
      <c r="G200" s="40"/>
      <c r="H200" s="40"/>
      <c r="L200" s="40"/>
      <c r="M200" s="40"/>
      <c r="N200" s="40"/>
      <c r="O200" s="40"/>
      <c r="P200" s="40"/>
      <c r="Q200" s="40"/>
      <c r="R200" s="40"/>
      <c r="S200" s="40"/>
    </row>
    <row r="201" spans="2:19" ht="13.5">
      <c r="B201" s="40"/>
      <c r="C201" s="40"/>
      <c r="D201" s="40"/>
      <c r="E201" s="40"/>
      <c r="F201" s="40"/>
      <c r="G201" s="40"/>
      <c r="H201" s="40"/>
      <c r="L201" s="40"/>
      <c r="M201" s="40"/>
      <c r="N201" s="40"/>
      <c r="O201" s="40"/>
      <c r="P201" s="40"/>
      <c r="Q201" s="40"/>
      <c r="R201" s="40"/>
      <c r="S201" s="40"/>
    </row>
    <row r="202" spans="2:19" ht="13.5">
      <c r="B202" s="40"/>
      <c r="C202" s="40"/>
      <c r="D202" s="40"/>
      <c r="E202" s="40"/>
      <c r="F202" s="40"/>
      <c r="G202" s="40"/>
      <c r="H202" s="40"/>
      <c r="L202" s="40"/>
      <c r="M202" s="40"/>
      <c r="N202" s="40"/>
      <c r="O202" s="40"/>
      <c r="P202" s="40"/>
      <c r="Q202" s="40"/>
      <c r="R202" s="40"/>
      <c r="S202" s="40"/>
    </row>
    <row r="203" spans="2:19" ht="13.5">
      <c r="B203" s="40"/>
      <c r="C203" s="40"/>
      <c r="D203" s="40"/>
      <c r="E203" s="40"/>
      <c r="F203" s="40"/>
      <c r="G203" s="40"/>
      <c r="H203" s="40"/>
      <c r="L203" s="40"/>
      <c r="M203" s="40"/>
      <c r="N203" s="40"/>
      <c r="O203" s="40"/>
      <c r="P203" s="40"/>
      <c r="Q203" s="40"/>
      <c r="R203" s="40"/>
      <c r="S203" s="40"/>
    </row>
    <row r="204" spans="2:19" ht="13.5">
      <c r="B204" s="40"/>
      <c r="C204" s="40"/>
      <c r="D204" s="40"/>
      <c r="E204" s="40"/>
      <c r="F204" s="40"/>
      <c r="G204" s="40"/>
      <c r="H204" s="40"/>
      <c r="L204" s="40"/>
      <c r="M204" s="40"/>
      <c r="N204" s="40"/>
      <c r="O204" s="40"/>
      <c r="P204" s="40"/>
      <c r="Q204" s="40"/>
      <c r="R204" s="40"/>
      <c r="S204" s="40"/>
    </row>
    <row r="205" spans="2:19" ht="13.5">
      <c r="B205" s="40"/>
      <c r="C205" s="40"/>
      <c r="D205" s="40"/>
      <c r="E205" s="40"/>
      <c r="F205" s="40"/>
      <c r="G205" s="40"/>
      <c r="H205" s="40"/>
      <c r="L205" s="40"/>
      <c r="M205" s="40"/>
      <c r="N205" s="40"/>
      <c r="O205" s="40"/>
      <c r="P205" s="40"/>
      <c r="Q205" s="40"/>
      <c r="R205" s="40"/>
      <c r="S205" s="40"/>
    </row>
    <row r="206" spans="2:19" ht="13.5">
      <c r="B206" s="40"/>
      <c r="C206" s="40"/>
      <c r="D206" s="40"/>
      <c r="E206" s="40"/>
      <c r="F206" s="40"/>
      <c r="G206" s="40"/>
      <c r="H206" s="40"/>
      <c r="L206" s="40"/>
      <c r="M206" s="40"/>
      <c r="N206" s="40"/>
      <c r="O206" s="40"/>
      <c r="P206" s="40"/>
      <c r="Q206" s="40"/>
      <c r="R206" s="40"/>
      <c r="S206" s="40"/>
    </row>
    <row r="207" spans="2:19" ht="13.5">
      <c r="B207" s="40"/>
      <c r="C207" s="40"/>
      <c r="D207" s="40"/>
      <c r="E207" s="40"/>
      <c r="F207" s="40"/>
      <c r="G207" s="40"/>
      <c r="H207" s="40"/>
      <c r="L207" s="40"/>
      <c r="M207" s="40"/>
      <c r="N207" s="40"/>
      <c r="O207" s="40"/>
      <c r="P207" s="40"/>
      <c r="Q207" s="40"/>
      <c r="R207" s="40"/>
      <c r="S207" s="40"/>
    </row>
    <row r="208" spans="2:19" ht="13.5">
      <c r="B208" s="40"/>
      <c r="C208" s="40"/>
      <c r="D208" s="40"/>
      <c r="E208" s="40"/>
      <c r="F208" s="40"/>
      <c r="G208" s="40"/>
      <c r="H208" s="40"/>
      <c r="L208" s="40"/>
      <c r="M208" s="40"/>
      <c r="N208" s="40"/>
      <c r="O208" s="40"/>
      <c r="P208" s="40"/>
      <c r="Q208" s="40"/>
      <c r="R208" s="40"/>
      <c r="S208" s="40"/>
    </row>
    <row r="209" spans="2:19" ht="13.5">
      <c r="B209" s="40"/>
      <c r="C209" s="40"/>
      <c r="D209" s="40"/>
      <c r="E209" s="40"/>
      <c r="F209" s="40"/>
      <c r="G209" s="40"/>
      <c r="H209" s="40"/>
      <c r="L209" s="40"/>
      <c r="M209" s="40"/>
      <c r="N209" s="40"/>
      <c r="O209" s="40"/>
      <c r="P209" s="40"/>
      <c r="Q209" s="40"/>
      <c r="R209" s="40"/>
      <c r="S209" s="40"/>
    </row>
    <row r="210" spans="2:19" ht="13.5">
      <c r="B210" s="40"/>
      <c r="C210" s="40"/>
      <c r="D210" s="40"/>
      <c r="E210" s="40"/>
      <c r="F210" s="40"/>
      <c r="G210" s="40"/>
      <c r="H210" s="40"/>
      <c r="L210" s="40"/>
      <c r="M210" s="40"/>
      <c r="N210" s="40"/>
      <c r="O210" s="40"/>
      <c r="P210" s="40"/>
      <c r="Q210" s="40"/>
      <c r="R210" s="40"/>
      <c r="S210" s="40"/>
    </row>
    <row r="211" spans="2:19" ht="13.5">
      <c r="B211" s="40"/>
      <c r="C211" s="40"/>
      <c r="D211" s="40"/>
      <c r="E211" s="40"/>
      <c r="F211" s="40"/>
      <c r="G211" s="40"/>
      <c r="H211" s="40"/>
      <c r="L211" s="40"/>
      <c r="M211" s="40"/>
      <c r="N211" s="40"/>
      <c r="O211" s="40"/>
      <c r="P211" s="40"/>
      <c r="Q211" s="40"/>
      <c r="R211" s="40"/>
      <c r="S211" s="40"/>
    </row>
    <row r="212" spans="2:19" ht="13.5">
      <c r="B212" s="40"/>
      <c r="C212" s="40"/>
      <c r="D212" s="40"/>
      <c r="E212" s="40"/>
      <c r="F212" s="40"/>
      <c r="G212" s="40"/>
      <c r="H212" s="40"/>
      <c r="L212" s="40"/>
      <c r="M212" s="40"/>
      <c r="N212" s="40"/>
      <c r="O212" s="40"/>
      <c r="P212" s="40"/>
      <c r="Q212" s="40"/>
      <c r="R212" s="40"/>
      <c r="S212" s="40"/>
    </row>
    <row r="213" spans="2:19" ht="13.5">
      <c r="B213" s="40"/>
      <c r="C213" s="40"/>
      <c r="D213" s="40"/>
      <c r="E213" s="40"/>
      <c r="F213" s="40"/>
      <c r="G213" s="40"/>
      <c r="H213" s="40"/>
      <c r="L213" s="40"/>
      <c r="M213" s="40"/>
      <c r="N213" s="40"/>
      <c r="O213" s="40"/>
      <c r="P213" s="40"/>
      <c r="Q213" s="40"/>
      <c r="R213" s="40"/>
      <c r="S213" s="40"/>
    </row>
    <row r="214" spans="2:19" ht="13.5">
      <c r="B214" s="40"/>
      <c r="C214" s="40"/>
      <c r="D214" s="40"/>
      <c r="E214" s="40"/>
      <c r="F214" s="40"/>
      <c r="G214" s="40"/>
      <c r="H214" s="40"/>
      <c r="L214" s="40"/>
      <c r="M214" s="40"/>
      <c r="N214" s="40"/>
      <c r="O214" s="40"/>
      <c r="P214" s="40"/>
      <c r="Q214" s="40"/>
      <c r="R214" s="40"/>
      <c r="S214" s="40"/>
    </row>
    <row r="215" spans="2:19" ht="13.5">
      <c r="B215" s="40"/>
      <c r="C215" s="40"/>
      <c r="D215" s="40"/>
      <c r="E215" s="40"/>
      <c r="F215" s="40"/>
      <c r="G215" s="40"/>
      <c r="H215" s="40"/>
      <c r="L215" s="40"/>
      <c r="M215" s="40"/>
      <c r="N215" s="40"/>
      <c r="O215" s="40"/>
      <c r="P215" s="40"/>
      <c r="Q215" s="40"/>
      <c r="R215" s="40"/>
      <c r="S215" s="40"/>
    </row>
    <row r="216" spans="2:19" ht="13.5">
      <c r="B216" s="40"/>
      <c r="C216" s="40"/>
      <c r="D216" s="40"/>
      <c r="E216" s="40"/>
      <c r="F216" s="40"/>
      <c r="G216" s="40"/>
      <c r="H216" s="40"/>
      <c r="L216" s="40"/>
      <c r="M216" s="40"/>
      <c r="N216" s="40"/>
      <c r="O216" s="40"/>
      <c r="P216" s="40"/>
      <c r="Q216" s="40"/>
      <c r="R216" s="40"/>
      <c r="S216" s="40"/>
    </row>
    <row r="217" spans="2:19" ht="13.5">
      <c r="B217" s="40"/>
      <c r="C217" s="40"/>
      <c r="D217" s="40"/>
      <c r="E217" s="40"/>
      <c r="F217" s="40"/>
      <c r="G217" s="40"/>
      <c r="H217" s="40"/>
      <c r="L217" s="40"/>
      <c r="M217" s="40"/>
      <c r="N217" s="40"/>
      <c r="O217" s="40"/>
      <c r="P217" s="40"/>
      <c r="Q217" s="40"/>
      <c r="R217" s="40"/>
      <c r="S217" s="40"/>
    </row>
    <row r="218" spans="2:19" ht="13.5">
      <c r="B218" s="40"/>
      <c r="C218" s="40"/>
      <c r="D218" s="40"/>
      <c r="E218" s="40"/>
      <c r="F218" s="40"/>
      <c r="G218" s="40"/>
      <c r="H218" s="40"/>
      <c r="L218" s="40"/>
      <c r="M218" s="40"/>
      <c r="N218" s="40"/>
      <c r="O218" s="40"/>
      <c r="P218" s="40"/>
      <c r="Q218" s="40"/>
      <c r="R218" s="40"/>
      <c r="S218" s="40"/>
    </row>
    <row r="219" spans="2:19" ht="13.5">
      <c r="B219" s="40"/>
      <c r="C219" s="40"/>
      <c r="D219" s="40"/>
      <c r="E219" s="40"/>
      <c r="F219" s="40"/>
      <c r="G219" s="40"/>
      <c r="H219" s="40"/>
      <c r="L219" s="40"/>
      <c r="M219" s="40"/>
      <c r="N219" s="40"/>
      <c r="O219" s="40"/>
      <c r="P219" s="40"/>
      <c r="Q219" s="40"/>
      <c r="R219" s="40"/>
      <c r="S219" s="40"/>
    </row>
    <row r="220" spans="2:19" ht="13.5">
      <c r="B220" s="40"/>
      <c r="C220" s="40"/>
      <c r="D220" s="40"/>
      <c r="E220" s="40"/>
      <c r="F220" s="40"/>
      <c r="G220" s="40"/>
      <c r="H220" s="40"/>
      <c r="L220" s="40"/>
      <c r="M220" s="40"/>
      <c r="N220" s="40"/>
      <c r="O220" s="40"/>
      <c r="P220" s="40"/>
      <c r="Q220" s="40"/>
      <c r="R220" s="40"/>
      <c r="S220" s="40"/>
    </row>
    <row r="221" spans="2:19" ht="13.5">
      <c r="B221" s="40"/>
      <c r="C221" s="40"/>
      <c r="D221" s="40"/>
      <c r="E221" s="40"/>
      <c r="F221" s="40"/>
      <c r="G221" s="40"/>
      <c r="H221" s="40"/>
      <c r="L221" s="40"/>
      <c r="M221" s="40"/>
      <c r="N221" s="40"/>
      <c r="O221" s="40"/>
      <c r="P221" s="40"/>
      <c r="Q221" s="40"/>
      <c r="R221" s="40"/>
      <c r="S221" s="40"/>
    </row>
    <row r="222" spans="2:19" ht="13.5">
      <c r="B222" s="40"/>
      <c r="C222" s="40"/>
      <c r="D222" s="40"/>
      <c r="E222" s="40"/>
      <c r="F222" s="40"/>
      <c r="G222" s="40"/>
      <c r="H222" s="40"/>
      <c r="L222" s="40"/>
      <c r="M222" s="40"/>
      <c r="N222" s="40"/>
      <c r="O222" s="40"/>
      <c r="P222" s="40"/>
      <c r="Q222" s="40"/>
      <c r="R222" s="40"/>
      <c r="S222" s="40"/>
    </row>
    <row r="223" spans="2:19" ht="13.5">
      <c r="B223" s="40"/>
      <c r="C223" s="40"/>
      <c r="D223" s="40"/>
      <c r="E223" s="40"/>
      <c r="F223" s="40"/>
      <c r="G223" s="40"/>
      <c r="H223" s="40"/>
      <c r="L223" s="40"/>
      <c r="M223" s="40"/>
      <c r="N223" s="40"/>
      <c r="O223" s="40"/>
      <c r="P223" s="40"/>
      <c r="Q223" s="40"/>
      <c r="R223" s="40"/>
      <c r="S223" s="40"/>
    </row>
    <row r="224" spans="2:19" ht="13.5">
      <c r="B224" s="40"/>
      <c r="C224" s="40"/>
      <c r="D224" s="40"/>
      <c r="E224" s="40"/>
      <c r="F224" s="40"/>
      <c r="G224" s="40"/>
      <c r="H224" s="40"/>
      <c r="L224" s="40"/>
      <c r="M224" s="40"/>
      <c r="N224" s="40"/>
      <c r="O224" s="40"/>
      <c r="P224" s="40"/>
      <c r="Q224" s="40"/>
      <c r="R224" s="40"/>
      <c r="S224" s="40"/>
    </row>
    <row r="225" spans="2:19" ht="13.5">
      <c r="B225" s="40"/>
      <c r="C225" s="40"/>
      <c r="D225" s="40"/>
      <c r="E225" s="40"/>
      <c r="F225" s="40"/>
      <c r="G225" s="40"/>
      <c r="H225" s="40"/>
      <c r="L225" s="40"/>
      <c r="M225" s="40"/>
      <c r="N225" s="40"/>
      <c r="O225" s="40"/>
      <c r="P225" s="40"/>
      <c r="Q225" s="40"/>
      <c r="R225" s="40"/>
      <c r="S225" s="40"/>
    </row>
    <row r="226" spans="2:19" ht="13.5">
      <c r="B226" s="40"/>
      <c r="C226" s="40"/>
      <c r="D226" s="40"/>
      <c r="E226" s="40"/>
      <c r="F226" s="40"/>
      <c r="G226" s="40"/>
      <c r="H226" s="40"/>
      <c r="L226" s="40"/>
      <c r="M226" s="40"/>
      <c r="N226" s="40"/>
      <c r="O226" s="40"/>
      <c r="P226" s="40"/>
      <c r="Q226" s="40"/>
      <c r="R226" s="40"/>
      <c r="S226" s="40"/>
    </row>
    <row r="227" spans="2:19" ht="13.5">
      <c r="B227" s="40"/>
      <c r="C227" s="40"/>
      <c r="D227" s="40"/>
      <c r="E227" s="40"/>
      <c r="F227" s="40"/>
      <c r="G227" s="40"/>
      <c r="H227" s="40"/>
      <c r="L227" s="40"/>
      <c r="M227" s="40"/>
      <c r="N227" s="40"/>
      <c r="O227" s="40"/>
      <c r="P227" s="40"/>
      <c r="Q227" s="40"/>
      <c r="R227" s="40"/>
      <c r="S227" s="40"/>
    </row>
    <row r="228" spans="2:19" ht="13.5">
      <c r="B228" s="40"/>
      <c r="C228" s="40"/>
      <c r="D228" s="40"/>
      <c r="E228" s="40"/>
      <c r="F228" s="40"/>
      <c r="G228" s="40"/>
      <c r="H228" s="40"/>
      <c r="L228" s="40"/>
      <c r="M228" s="40"/>
      <c r="N228" s="40"/>
      <c r="O228" s="40"/>
      <c r="P228" s="40"/>
      <c r="Q228" s="40"/>
      <c r="R228" s="40"/>
      <c r="S228" s="40"/>
    </row>
    <row r="229" spans="2:19" ht="13.5">
      <c r="B229" s="40"/>
      <c r="C229" s="40"/>
      <c r="D229" s="40"/>
      <c r="E229" s="40"/>
      <c r="F229" s="40"/>
      <c r="G229" s="40"/>
      <c r="H229" s="40"/>
      <c r="L229" s="40"/>
      <c r="M229" s="40"/>
      <c r="N229" s="40"/>
      <c r="O229" s="40"/>
      <c r="P229" s="40"/>
      <c r="Q229" s="40"/>
      <c r="R229" s="40"/>
      <c r="S229" s="40"/>
    </row>
    <row r="230" spans="2:19" ht="13.5">
      <c r="B230" s="40"/>
      <c r="C230" s="40"/>
      <c r="D230" s="40"/>
      <c r="E230" s="40"/>
      <c r="F230" s="40"/>
      <c r="G230" s="40"/>
      <c r="H230" s="40"/>
      <c r="L230" s="40"/>
      <c r="M230" s="40"/>
      <c r="N230" s="40"/>
      <c r="O230" s="40"/>
      <c r="P230" s="40"/>
      <c r="Q230" s="40"/>
      <c r="R230" s="40"/>
      <c r="S230" s="40"/>
    </row>
    <row r="231" spans="2:19" ht="13.5">
      <c r="B231" s="40"/>
      <c r="C231" s="40"/>
      <c r="D231" s="40"/>
      <c r="E231" s="40"/>
      <c r="F231" s="40"/>
      <c r="G231" s="40"/>
      <c r="H231" s="40"/>
      <c r="L231" s="40"/>
      <c r="M231" s="40"/>
      <c r="N231" s="40"/>
      <c r="O231" s="40"/>
      <c r="P231" s="40"/>
      <c r="Q231" s="40"/>
      <c r="R231" s="40"/>
      <c r="S231" s="40"/>
    </row>
    <row r="232" spans="2:19" ht="13.5">
      <c r="B232" s="40"/>
      <c r="C232" s="40"/>
      <c r="D232" s="40"/>
      <c r="E232" s="40"/>
      <c r="F232" s="40"/>
      <c r="G232" s="40"/>
      <c r="H232" s="40"/>
      <c r="L232" s="40"/>
      <c r="M232" s="40"/>
      <c r="N232" s="40"/>
      <c r="O232" s="40"/>
      <c r="P232" s="40"/>
      <c r="Q232" s="40"/>
      <c r="R232" s="40"/>
      <c r="S232" s="40"/>
    </row>
    <row r="233" spans="2:19" ht="13.5">
      <c r="B233" s="40"/>
      <c r="C233" s="40"/>
      <c r="D233" s="40"/>
      <c r="E233" s="40"/>
      <c r="F233" s="40"/>
      <c r="G233" s="40"/>
      <c r="H233" s="40"/>
      <c r="L233" s="40"/>
      <c r="M233" s="40"/>
      <c r="N233" s="40"/>
      <c r="O233" s="40"/>
      <c r="P233" s="40"/>
      <c r="Q233" s="40"/>
      <c r="R233" s="40"/>
      <c r="S233" s="40"/>
    </row>
    <row r="234" spans="2:19" ht="13.5">
      <c r="B234" s="40"/>
      <c r="C234" s="40"/>
      <c r="D234" s="40"/>
      <c r="E234" s="40"/>
      <c r="F234" s="40"/>
      <c r="G234" s="40"/>
      <c r="H234" s="40"/>
      <c r="L234" s="40"/>
      <c r="M234" s="40"/>
      <c r="N234" s="40"/>
      <c r="O234" s="40"/>
      <c r="P234" s="40"/>
      <c r="Q234" s="40"/>
      <c r="R234" s="40"/>
      <c r="S234" s="40"/>
    </row>
    <row r="235" spans="2:19" ht="13.5">
      <c r="B235" s="40"/>
      <c r="C235" s="40"/>
      <c r="D235" s="40"/>
      <c r="E235" s="40"/>
      <c r="F235" s="40"/>
      <c r="G235" s="40"/>
      <c r="H235" s="40"/>
      <c r="L235" s="40"/>
      <c r="M235" s="40"/>
      <c r="N235" s="40"/>
      <c r="O235" s="40"/>
      <c r="P235" s="40"/>
      <c r="Q235" s="40"/>
      <c r="R235" s="40"/>
      <c r="S235" s="40"/>
    </row>
    <row r="236" spans="2:19" ht="13.5">
      <c r="B236" s="40"/>
      <c r="C236" s="40"/>
      <c r="D236" s="40"/>
      <c r="E236" s="40"/>
      <c r="F236" s="40"/>
      <c r="G236" s="40"/>
      <c r="H236" s="40"/>
      <c r="L236" s="40"/>
      <c r="M236" s="40"/>
      <c r="N236" s="40"/>
      <c r="O236" s="40"/>
      <c r="P236" s="40"/>
      <c r="Q236" s="40"/>
      <c r="R236" s="40"/>
      <c r="S236" s="40"/>
    </row>
    <row r="237" spans="2:19" ht="13.5">
      <c r="B237" s="40"/>
      <c r="C237" s="40"/>
      <c r="D237" s="40"/>
      <c r="E237" s="40"/>
      <c r="F237" s="40"/>
      <c r="G237" s="40"/>
      <c r="H237" s="40"/>
      <c r="L237" s="40"/>
      <c r="M237" s="40"/>
      <c r="N237" s="40"/>
      <c r="O237" s="40"/>
      <c r="P237" s="40"/>
      <c r="Q237" s="40"/>
      <c r="R237" s="40"/>
      <c r="S237" s="40"/>
    </row>
    <row r="238" spans="2:19" ht="13.5">
      <c r="B238" s="40"/>
      <c r="C238" s="40"/>
      <c r="D238" s="40"/>
      <c r="E238" s="40"/>
      <c r="F238" s="40"/>
      <c r="G238" s="40"/>
      <c r="H238" s="40"/>
      <c r="L238" s="40"/>
      <c r="M238" s="40"/>
      <c r="N238" s="40"/>
      <c r="O238" s="40"/>
      <c r="P238" s="40"/>
      <c r="Q238" s="40"/>
      <c r="R238" s="40"/>
      <c r="S238" s="40"/>
    </row>
    <row r="239" spans="2:19" ht="13.5">
      <c r="B239" s="40"/>
      <c r="C239" s="40"/>
      <c r="D239" s="40"/>
      <c r="E239" s="40"/>
      <c r="F239" s="40"/>
      <c r="G239" s="40"/>
      <c r="H239" s="40"/>
      <c r="L239" s="40"/>
      <c r="M239" s="40"/>
      <c r="N239" s="40"/>
      <c r="O239" s="40"/>
      <c r="P239" s="40"/>
      <c r="Q239" s="40"/>
      <c r="R239" s="40"/>
      <c r="S239" s="40"/>
    </row>
    <row r="240" spans="2:19" ht="13.5">
      <c r="B240" s="40"/>
      <c r="C240" s="40"/>
      <c r="D240" s="40"/>
      <c r="E240" s="40"/>
      <c r="F240" s="40"/>
      <c r="G240" s="40"/>
      <c r="H240" s="40"/>
      <c r="L240" s="40"/>
      <c r="M240" s="40"/>
      <c r="N240" s="40"/>
      <c r="O240" s="40"/>
      <c r="P240" s="40"/>
      <c r="Q240" s="40"/>
      <c r="R240" s="40"/>
      <c r="S240" s="40"/>
    </row>
    <row r="241" spans="2:19" ht="13.5">
      <c r="B241" s="40"/>
      <c r="C241" s="40"/>
      <c r="D241" s="40"/>
      <c r="E241" s="40"/>
      <c r="F241" s="40"/>
      <c r="G241" s="40"/>
      <c r="H241" s="40"/>
      <c r="L241" s="40"/>
      <c r="M241" s="40"/>
      <c r="N241" s="40"/>
      <c r="O241" s="40"/>
      <c r="P241" s="40"/>
      <c r="Q241" s="40"/>
      <c r="R241" s="40"/>
      <c r="S241" s="40"/>
    </row>
    <row r="242" spans="2:19" ht="13.5">
      <c r="B242" s="40"/>
      <c r="C242" s="40"/>
      <c r="D242" s="40"/>
      <c r="E242" s="40"/>
      <c r="F242" s="40"/>
      <c r="G242" s="40"/>
      <c r="H242" s="40"/>
      <c r="L242" s="40"/>
      <c r="M242" s="40"/>
      <c r="N242" s="40"/>
      <c r="O242" s="40"/>
      <c r="P242" s="40"/>
      <c r="Q242" s="40"/>
      <c r="R242" s="40"/>
      <c r="S242" s="40"/>
    </row>
    <row r="243" spans="2:19" ht="13.5">
      <c r="B243" s="40"/>
      <c r="C243" s="40"/>
      <c r="D243" s="40"/>
      <c r="E243" s="40"/>
      <c r="F243" s="40"/>
      <c r="G243" s="40"/>
      <c r="H243" s="40"/>
      <c r="L243" s="40"/>
      <c r="M243" s="40"/>
      <c r="N243" s="40"/>
      <c r="O243" s="40"/>
      <c r="P243" s="40"/>
      <c r="Q243" s="40"/>
      <c r="R243" s="40"/>
      <c r="S243" s="40"/>
    </row>
    <row r="244" spans="2:19" ht="13.5">
      <c r="B244" s="40"/>
      <c r="C244" s="40"/>
      <c r="D244" s="40"/>
      <c r="E244" s="40"/>
      <c r="F244" s="40"/>
      <c r="G244" s="40"/>
      <c r="H244" s="40"/>
      <c r="L244" s="40"/>
      <c r="M244" s="40"/>
      <c r="N244" s="40"/>
      <c r="O244" s="40"/>
      <c r="P244" s="40"/>
      <c r="Q244" s="40"/>
      <c r="R244" s="40"/>
      <c r="S244" s="40"/>
    </row>
    <row r="245" spans="2:19" ht="13.5">
      <c r="B245" s="40"/>
      <c r="C245" s="40"/>
      <c r="D245" s="40"/>
      <c r="E245" s="40"/>
      <c r="F245" s="40"/>
      <c r="G245" s="40"/>
      <c r="H245" s="40"/>
      <c r="L245" s="40"/>
      <c r="M245" s="40"/>
      <c r="N245" s="40"/>
      <c r="O245" s="40"/>
      <c r="P245" s="40"/>
      <c r="Q245" s="40"/>
      <c r="R245" s="40"/>
      <c r="S245" s="40"/>
    </row>
    <row r="246" spans="2:19" ht="13.5">
      <c r="B246" s="40"/>
      <c r="C246" s="40"/>
      <c r="D246" s="40"/>
      <c r="E246" s="40"/>
      <c r="F246" s="40"/>
      <c r="G246" s="40"/>
      <c r="H246" s="40"/>
      <c r="L246" s="40"/>
      <c r="M246" s="40"/>
      <c r="N246" s="40"/>
      <c r="O246" s="40"/>
      <c r="P246" s="40"/>
      <c r="Q246" s="40"/>
      <c r="R246" s="40"/>
      <c r="S246" s="40"/>
    </row>
    <row r="247" spans="2:19" ht="13.5">
      <c r="B247" s="40"/>
      <c r="C247" s="40"/>
      <c r="D247" s="40"/>
      <c r="E247" s="40"/>
      <c r="F247" s="40"/>
      <c r="G247" s="40"/>
      <c r="H247" s="40"/>
      <c r="L247" s="40"/>
      <c r="M247" s="40"/>
      <c r="N247" s="40"/>
      <c r="O247" s="40"/>
      <c r="P247" s="40"/>
      <c r="Q247" s="40"/>
      <c r="R247" s="40"/>
      <c r="S247" s="40"/>
    </row>
    <row r="248" spans="2:19" ht="13.5">
      <c r="B248" s="40"/>
      <c r="C248" s="40"/>
      <c r="D248" s="40"/>
      <c r="E248" s="40"/>
      <c r="F248" s="40"/>
      <c r="G248" s="40"/>
      <c r="H248" s="40"/>
      <c r="L248" s="40"/>
      <c r="M248" s="40"/>
      <c r="N248" s="40"/>
      <c r="O248" s="40"/>
      <c r="P248" s="40"/>
      <c r="Q248" s="40"/>
      <c r="R248" s="40"/>
      <c r="S248" s="40"/>
    </row>
    <row r="249" spans="2:19" ht="13.5">
      <c r="B249" s="40"/>
      <c r="C249" s="40"/>
      <c r="D249" s="40"/>
      <c r="E249" s="40"/>
      <c r="F249" s="40"/>
      <c r="G249" s="40"/>
      <c r="H249" s="40"/>
      <c r="L249" s="40"/>
      <c r="M249" s="40"/>
      <c r="N249" s="40"/>
      <c r="O249" s="40"/>
      <c r="P249" s="40"/>
      <c r="Q249" s="40"/>
      <c r="R249" s="40"/>
      <c r="S249" s="40"/>
    </row>
    <row r="250" spans="2:19" ht="13.5">
      <c r="B250" s="40"/>
      <c r="C250" s="40"/>
      <c r="D250" s="40"/>
      <c r="E250" s="40"/>
      <c r="F250" s="40"/>
      <c r="G250" s="40"/>
      <c r="H250" s="40"/>
      <c r="L250" s="40"/>
      <c r="M250" s="40"/>
      <c r="N250" s="40"/>
      <c r="O250" s="40"/>
      <c r="P250" s="40"/>
      <c r="Q250" s="40"/>
      <c r="R250" s="40"/>
      <c r="S250" s="40"/>
    </row>
    <row r="251" spans="2:19" ht="13.5">
      <c r="B251" s="40"/>
      <c r="C251" s="40"/>
      <c r="D251" s="40"/>
      <c r="E251" s="40"/>
      <c r="F251" s="40"/>
      <c r="G251" s="40"/>
      <c r="H251" s="40"/>
      <c r="L251" s="40"/>
      <c r="M251" s="40"/>
      <c r="N251" s="40"/>
      <c r="O251" s="40"/>
      <c r="P251" s="40"/>
      <c r="Q251" s="40"/>
      <c r="R251" s="40"/>
      <c r="S251" s="40"/>
    </row>
    <row r="252" spans="2:19" ht="13.5">
      <c r="B252" s="40"/>
      <c r="C252" s="40"/>
      <c r="D252" s="40"/>
      <c r="E252" s="40"/>
      <c r="F252" s="40"/>
      <c r="G252" s="40"/>
      <c r="H252" s="40"/>
      <c r="L252" s="40"/>
      <c r="M252" s="40"/>
      <c r="N252" s="40"/>
      <c r="O252" s="40"/>
      <c r="P252" s="40"/>
      <c r="Q252" s="40"/>
      <c r="R252" s="40"/>
      <c r="S252" s="40"/>
    </row>
    <row r="253" spans="2:19" ht="13.5">
      <c r="B253" s="40"/>
      <c r="C253" s="40"/>
      <c r="D253" s="40"/>
      <c r="E253" s="40"/>
      <c r="F253" s="40"/>
      <c r="G253" s="40"/>
      <c r="H253" s="40"/>
      <c r="L253" s="40"/>
      <c r="M253" s="40"/>
      <c r="N253" s="40"/>
      <c r="O253" s="40"/>
      <c r="P253" s="40"/>
      <c r="Q253" s="40"/>
      <c r="R253" s="40"/>
      <c r="S253" s="40"/>
    </row>
    <row r="254" spans="2:19" ht="13.5">
      <c r="B254" s="40"/>
      <c r="C254" s="40"/>
      <c r="D254" s="40"/>
      <c r="E254" s="40"/>
      <c r="F254" s="40"/>
      <c r="G254" s="40"/>
      <c r="H254" s="40"/>
      <c r="L254" s="40"/>
      <c r="M254" s="40"/>
      <c r="N254" s="40"/>
      <c r="O254" s="40"/>
      <c r="P254" s="40"/>
      <c r="Q254" s="40"/>
      <c r="R254" s="40"/>
      <c r="S254" s="40"/>
    </row>
    <row r="255" spans="2:19" ht="13.5">
      <c r="B255" s="40"/>
      <c r="C255" s="40"/>
      <c r="D255" s="40"/>
      <c r="E255" s="40"/>
      <c r="F255" s="40"/>
      <c r="G255" s="40"/>
      <c r="H255" s="40"/>
      <c r="L255" s="40"/>
      <c r="M255" s="40"/>
      <c r="N255" s="40"/>
      <c r="O255" s="40"/>
      <c r="P255" s="40"/>
      <c r="Q255" s="40"/>
      <c r="R255" s="40"/>
      <c r="S255" s="40"/>
    </row>
    <row r="256" spans="2:19" ht="13.5">
      <c r="B256" s="40"/>
      <c r="C256" s="40"/>
      <c r="D256" s="40"/>
      <c r="E256" s="40"/>
      <c r="F256" s="40"/>
      <c r="G256" s="40"/>
      <c r="H256" s="40"/>
      <c r="L256" s="40"/>
      <c r="M256" s="40"/>
      <c r="N256" s="40"/>
      <c r="O256" s="40"/>
      <c r="P256" s="40"/>
      <c r="Q256" s="40"/>
      <c r="R256" s="40"/>
      <c r="S256" s="40"/>
    </row>
    <row r="257" spans="2:19" ht="13.5">
      <c r="B257" s="40"/>
      <c r="C257" s="40"/>
      <c r="D257" s="40"/>
      <c r="E257" s="40"/>
      <c r="F257" s="40"/>
      <c r="G257" s="40"/>
      <c r="H257" s="40"/>
      <c r="L257" s="40"/>
      <c r="M257" s="40"/>
      <c r="N257" s="40"/>
      <c r="O257" s="40"/>
      <c r="P257" s="40"/>
      <c r="Q257" s="40"/>
      <c r="R257" s="40"/>
      <c r="S257" s="40"/>
    </row>
    <row r="258" spans="2:19" ht="13.5">
      <c r="B258" s="40"/>
      <c r="C258" s="40"/>
      <c r="D258" s="40"/>
      <c r="E258" s="40"/>
      <c r="F258" s="40"/>
      <c r="G258" s="40"/>
      <c r="H258" s="40"/>
      <c r="L258" s="40"/>
      <c r="M258" s="40"/>
      <c r="N258" s="40"/>
      <c r="O258" s="40"/>
      <c r="P258" s="40"/>
      <c r="Q258" s="40"/>
      <c r="R258" s="40"/>
      <c r="S258" s="40"/>
    </row>
    <row r="259" spans="2:19" ht="13.5">
      <c r="B259" s="40"/>
      <c r="C259" s="40"/>
      <c r="D259" s="40"/>
      <c r="E259" s="40"/>
      <c r="F259" s="40"/>
      <c r="G259" s="40"/>
      <c r="H259" s="40"/>
      <c r="L259" s="40"/>
      <c r="M259" s="40"/>
      <c r="N259" s="40"/>
      <c r="O259" s="40"/>
      <c r="P259" s="40"/>
      <c r="Q259" s="40"/>
      <c r="R259" s="40"/>
      <c r="S259" s="40"/>
    </row>
    <row r="260" spans="2:19" ht="13.5">
      <c r="B260" s="40"/>
      <c r="C260" s="40"/>
      <c r="D260" s="40"/>
      <c r="E260" s="40"/>
      <c r="F260" s="40"/>
      <c r="G260" s="40"/>
      <c r="H260" s="40"/>
      <c r="L260" s="40"/>
      <c r="M260" s="40"/>
      <c r="N260" s="40"/>
      <c r="O260" s="40"/>
      <c r="P260" s="40"/>
      <c r="Q260" s="40"/>
      <c r="R260" s="40"/>
      <c r="S260" s="40"/>
    </row>
    <row r="261" spans="2:19" ht="13.5">
      <c r="B261" s="40"/>
      <c r="C261" s="40"/>
      <c r="D261" s="40"/>
      <c r="E261" s="40"/>
      <c r="F261" s="40"/>
      <c r="G261" s="40"/>
      <c r="H261" s="40"/>
      <c r="L261" s="40"/>
      <c r="M261" s="40"/>
      <c r="N261" s="40"/>
      <c r="O261" s="40"/>
      <c r="P261" s="40"/>
      <c r="Q261" s="40"/>
      <c r="R261" s="40"/>
      <c r="S261" s="40"/>
    </row>
    <row r="262" spans="2:19" ht="13.5">
      <c r="B262" s="40"/>
      <c r="C262" s="40"/>
      <c r="D262" s="40"/>
      <c r="E262" s="40"/>
      <c r="F262" s="40"/>
      <c r="G262" s="40"/>
      <c r="H262" s="40"/>
      <c r="L262" s="40"/>
      <c r="M262" s="40"/>
      <c r="N262" s="40"/>
      <c r="O262" s="40"/>
      <c r="P262" s="40"/>
      <c r="Q262" s="40"/>
      <c r="R262" s="40"/>
      <c r="S262" s="40"/>
    </row>
    <row r="263" spans="2:19" ht="13.5">
      <c r="B263" s="40"/>
      <c r="C263" s="40"/>
      <c r="D263" s="40"/>
      <c r="E263" s="40"/>
      <c r="F263" s="40"/>
      <c r="G263" s="40"/>
      <c r="H263" s="40"/>
      <c r="L263" s="40"/>
      <c r="M263" s="40"/>
      <c r="N263" s="40"/>
      <c r="O263" s="40"/>
      <c r="P263" s="40"/>
      <c r="Q263" s="40"/>
      <c r="R263" s="40"/>
      <c r="S263" s="40"/>
    </row>
    <row r="264" spans="2:19" ht="13.5">
      <c r="B264" s="40"/>
      <c r="C264" s="40"/>
      <c r="D264" s="40"/>
      <c r="E264" s="40"/>
      <c r="F264" s="40"/>
      <c r="G264" s="40"/>
      <c r="H264" s="40"/>
      <c r="L264" s="40"/>
      <c r="M264" s="40"/>
      <c r="N264" s="40"/>
      <c r="O264" s="40"/>
      <c r="P264" s="40"/>
      <c r="Q264" s="40"/>
      <c r="R264" s="40"/>
      <c r="S264" s="40"/>
    </row>
    <row r="265" spans="2:19" ht="13.5">
      <c r="B265" s="40"/>
      <c r="C265" s="40"/>
      <c r="D265" s="40"/>
      <c r="E265" s="40"/>
      <c r="F265" s="40"/>
      <c r="G265" s="40"/>
      <c r="H265" s="40"/>
      <c r="L265" s="40"/>
      <c r="M265" s="40"/>
      <c r="N265" s="40"/>
      <c r="O265" s="40"/>
      <c r="P265" s="40"/>
      <c r="Q265" s="40"/>
      <c r="R265" s="40"/>
      <c r="S265" s="40"/>
    </row>
    <row r="266" spans="2:19" ht="13.5">
      <c r="B266" s="40"/>
      <c r="C266" s="40"/>
      <c r="D266" s="40"/>
      <c r="E266" s="40"/>
      <c r="F266" s="40"/>
      <c r="G266" s="40"/>
      <c r="H266" s="40"/>
      <c r="L266" s="40"/>
      <c r="M266" s="40"/>
      <c r="N266" s="40"/>
      <c r="O266" s="40"/>
      <c r="P266" s="40"/>
      <c r="Q266" s="40"/>
      <c r="R266" s="40"/>
      <c r="S266" s="40"/>
    </row>
    <row r="267" spans="2:19" ht="13.5">
      <c r="B267" s="40"/>
      <c r="C267" s="40"/>
      <c r="D267" s="40"/>
      <c r="E267" s="40"/>
      <c r="F267" s="40"/>
      <c r="G267" s="40"/>
      <c r="H267" s="40"/>
      <c r="L267" s="40"/>
      <c r="M267" s="40"/>
      <c r="N267" s="40"/>
      <c r="O267" s="40"/>
      <c r="P267" s="40"/>
      <c r="Q267" s="40"/>
      <c r="R267" s="40"/>
      <c r="S267" s="40"/>
    </row>
    <row r="268" spans="2:19" ht="13.5">
      <c r="B268" s="40"/>
      <c r="C268" s="40"/>
      <c r="D268" s="40"/>
      <c r="E268" s="40"/>
      <c r="F268" s="40"/>
      <c r="G268" s="40"/>
      <c r="H268" s="40"/>
      <c r="L268" s="40"/>
      <c r="M268" s="40"/>
      <c r="N268" s="40"/>
      <c r="O268" s="40"/>
      <c r="P268" s="40"/>
      <c r="Q268" s="40"/>
      <c r="R268" s="40"/>
      <c r="S268" s="40"/>
    </row>
    <row r="269" spans="2:19" ht="13.5">
      <c r="B269" s="40"/>
      <c r="C269" s="40"/>
      <c r="D269" s="40"/>
      <c r="E269" s="40"/>
      <c r="F269" s="40"/>
      <c r="G269" s="40"/>
      <c r="H269" s="40"/>
      <c r="L269" s="40"/>
      <c r="M269" s="40"/>
      <c r="N269" s="40"/>
      <c r="O269" s="40"/>
      <c r="P269" s="40"/>
      <c r="Q269" s="40"/>
      <c r="R269" s="40"/>
      <c r="S269" s="40"/>
    </row>
    <row r="270" spans="2:19" ht="13.5">
      <c r="B270" s="40"/>
      <c r="C270" s="40"/>
      <c r="D270" s="40"/>
      <c r="E270" s="40"/>
      <c r="F270" s="40"/>
      <c r="G270" s="40"/>
      <c r="H270" s="40"/>
      <c r="L270" s="40"/>
      <c r="M270" s="40"/>
      <c r="N270" s="40"/>
      <c r="O270" s="40"/>
      <c r="P270" s="40"/>
      <c r="Q270" s="40"/>
      <c r="R270" s="40"/>
      <c r="S270" s="40"/>
    </row>
    <row r="271" spans="2:19" ht="13.5">
      <c r="B271" s="40"/>
      <c r="C271" s="40"/>
      <c r="D271" s="40"/>
      <c r="E271" s="40"/>
      <c r="F271" s="40"/>
      <c r="G271" s="40"/>
      <c r="H271" s="40"/>
      <c r="L271" s="40"/>
      <c r="M271" s="40"/>
      <c r="N271" s="40"/>
      <c r="O271" s="40"/>
      <c r="P271" s="40"/>
      <c r="Q271" s="40"/>
      <c r="R271" s="40"/>
      <c r="S271" s="40"/>
    </row>
    <row r="272" spans="2:19" ht="13.5">
      <c r="B272" s="40"/>
      <c r="C272" s="40"/>
      <c r="D272" s="40"/>
      <c r="E272" s="40"/>
      <c r="F272" s="40"/>
      <c r="G272" s="40"/>
      <c r="H272" s="40"/>
      <c r="L272" s="40"/>
      <c r="M272" s="40"/>
      <c r="N272" s="40"/>
      <c r="O272" s="40"/>
      <c r="P272" s="40"/>
      <c r="Q272" s="40"/>
      <c r="R272" s="40"/>
      <c r="S272" s="40"/>
    </row>
    <row r="273" spans="2:19" ht="13.5">
      <c r="B273" s="40"/>
      <c r="C273" s="40"/>
      <c r="D273" s="40"/>
      <c r="E273" s="40"/>
      <c r="F273" s="40"/>
      <c r="G273" s="40"/>
      <c r="H273" s="40"/>
      <c r="L273" s="40"/>
      <c r="M273" s="40"/>
      <c r="N273" s="40"/>
      <c r="O273" s="40"/>
      <c r="P273" s="40"/>
      <c r="Q273" s="40"/>
      <c r="R273" s="40"/>
      <c r="S273" s="40"/>
    </row>
    <row r="274" spans="2:19" ht="13.5">
      <c r="B274" s="40"/>
      <c r="C274" s="40"/>
      <c r="D274" s="40"/>
      <c r="E274" s="40"/>
      <c r="F274" s="40"/>
      <c r="G274" s="40"/>
      <c r="H274" s="40"/>
      <c r="L274" s="40"/>
      <c r="M274" s="40"/>
      <c r="N274" s="40"/>
      <c r="O274" s="40"/>
      <c r="P274" s="40"/>
      <c r="Q274" s="40"/>
      <c r="R274" s="40"/>
      <c r="S274" s="40"/>
    </row>
    <row r="275" spans="2:19" ht="13.5">
      <c r="B275" s="40"/>
      <c r="C275" s="40"/>
      <c r="D275" s="40"/>
      <c r="E275" s="40"/>
      <c r="F275" s="40"/>
      <c r="G275" s="40"/>
      <c r="H275" s="40"/>
      <c r="L275" s="40"/>
      <c r="M275" s="40"/>
      <c r="N275" s="40"/>
      <c r="O275" s="40"/>
      <c r="P275" s="40"/>
      <c r="Q275" s="40"/>
      <c r="R275" s="40"/>
      <c r="S275" s="40"/>
    </row>
    <row r="276" spans="2:19" ht="13.5">
      <c r="B276" s="40"/>
      <c r="C276" s="40"/>
      <c r="D276" s="40"/>
      <c r="E276" s="40"/>
      <c r="F276" s="40"/>
      <c r="G276" s="40"/>
      <c r="H276" s="40"/>
      <c r="L276" s="40"/>
      <c r="M276" s="40"/>
      <c r="N276" s="40"/>
      <c r="O276" s="40"/>
      <c r="P276" s="40"/>
      <c r="Q276" s="40"/>
      <c r="R276" s="40"/>
      <c r="S276" s="40"/>
    </row>
    <row r="277" spans="2:19" ht="13.5">
      <c r="B277" s="40"/>
      <c r="C277" s="40"/>
      <c r="D277" s="40"/>
      <c r="E277" s="40"/>
      <c r="F277" s="40"/>
      <c r="G277" s="40"/>
      <c r="H277" s="40"/>
      <c r="L277" s="40"/>
      <c r="M277" s="40"/>
      <c r="N277" s="40"/>
      <c r="O277" s="40"/>
      <c r="P277" s="40"/>
      <c r="Q277" s="40"/>
      <c r="R277" s="40"/>
      <c r="S277" s="40"/>
    </row>
    <row r="278" spans="2:19" ht="13.5">
      <c r="B278" s="40"/>
      <c r="C278" s="40"/>
      <c r="D278" s="40"/>
      <c r="E278" s="40"/>
      <c r="F278" s="40"/>
      <c r="G278" s="40"/>
      <c r="H278" s="40"/>
      <c r="L278" s="40"/>
      <c r="M278" s="40"/>
      <c r="N278" s="40"/>
      <c r="O278" s="40"/>
      <c r="P278" s="40"/>
      <c r="Q278" s="40"/>
      <c r="R278" s="40"/>
      <c r="S278" s="40"/>
    </row>
    <row r="279" spans="2:19" ht="13.5">
      <c r="B279" s="40"/>
      <c r="C279" s="40"/>
      <c r="D279" s="40"/>
      <c r="E279" s="40"/>
      <c r="F279" s="40"/>
      <c r="G279" s="40"/>
      <c r="H279" s="40"/>
      <c r="L279" s="40"/>
      <c r="M279" s="40"/>
      <c r="N279" s="40"/>
      <c r="O279" s="40"/>
      <c r="P279" s="40"/>
      <c r="Q279" s="40"/>
      <c r="R279" s="40"/>
      <c r="S279" s="40"/>
    </row>
    <row r="280" spans="2:19" ht="13.5">
      <c r="B280" s="40"/>
      <c r="C280" s="40"/>
      <c r="D280" s="40"/>
      <c r="E280" s="40"/>
      <c r="F280" s="40"/>
      <c r="G280" s="40"/>
      <c r="H280" s="40"/>
      <c r="L280" s="40"/>
      <c r="M280" s="40"/>
      <c r="N280" s="40"/>
      <c r="O280" s="40"/>
      <c r="P280" s="40"/>
      <c r="Q280" s="40"/>
      <c r="R280" s="40"/>
      <c r="S280" s="40"/>
    </row>
    <row r="281" spans="2:19" ht="13.5">
      <c r="B281" s="40"/>
      <c r="C281" s="40"/>
      <c r="D281" s="40"/>
      <c r="E281" s="40"/>
      <c r="F281" s="40"/>
      <c r="G281" s="40"/>
      <c r="H281" s="40"/>
      <c r="L281" s="40"/>
      <c r="M281" s="40"/>
      <c r="N281" s="40"/>
      <c r="O281" s="40"/>
      <c r="P281" s="40"/>
      <c r="Q281" s="40"/>
      <c r="R281" s="40"/>
      <c r="S281" s="40"/>
    </row>
    <row r="282" spans="2:19" ht="13.5">
      <c r="B282" s="40"/>
      <c r="C282" s="40"/>
      <c r="D282" s="40"/>
      <c r="E282" s="40"/>
      <c r="F282" s="40"/>
      <c r="G282" s="40"/>
      <c r="H282" s="40"/>
      <c r="L282" s="40"/>
      <c r="M282" s="40"/>
      <c r="N282" s="40"/>
      <c r="O282" s="40"/>
      <c r="P282" s="40"/>
      <c r="Q282" s="40"/>
      <c r="R282" s="40"/>
      <c r="S282" s="40"/>
    </row>
    <row r="283" spans="2:19" ht="13.5">
      <c r="B283" s="40"/>
      <c r="C283" s="40"/>
      <c r="D283" s="40"/>
      <c r="E283" s="40"/>
      <c r="F283" s="40"/>
      <c r="G283" s="40"/>
      <c r="H283" s="40"/>
      <c r="L283" s="40"/>
      <c r="M283" s="40"/>
      <c r="N283" s="40"/>
      <c r="O283" s="40"/>
      <c r="P283" s="40"/>
      <c r="Q283" s="40"/>
      <c r="R283" s="40"/>
      <c r="S283" s="40"/>
    </row>
    <row r="284" spans="2:19" ht="13.5">
      <c r="B284" s="40"/>
      <c r="C284" s="40"/>
      <c r="D284" s="40"/>
      <c r="E284" s="40"/>
      <c r="F284" s="40"/>
      <c r="G284" s="40"/>
      <c r="H284" s="40"/>
      <c r="L284" s="40"/>
      <c r="M284" s="40"/>
      <c r="N284" s="40"/>
      <c r="O284" s="40"/>
      <c r="P284" s="40"/>
      <c r="Q284" s="40"/>
      <c r="R284" s="40"/>
      <c r="S284" s="40"/>
    </row>
    <row r="285" spans="2:19" ht="13.5">
      <c r="B285" s="40"/>
      <c r="C285" s="40"/>
      <c r="D285" s="40"/>
      <c r="E285" s="40"/>
      <c r="F285" s="40"/>
      <c r="G285" s="40"/>
      <c r="H285" s="40"/>
      <c r="L285" s="40"/>
      <c r="M285" s="40"/>
      <c r="N285" s="40"/>
      <c r="O285" s="40"/>
      <c r="P285" s="40"/>
      <c r="Q285" s="40"/>
      <c r="R285" s="40"/>
      <c r="S285" s="40"/>
    </row>
    <row r="286" spans="2:19" ht="13.5">
      <c r="B286" s="40"/>
      <c r="C286" s="40"/>
      <c r="D286" s="40"/>
      <c r="E286" s="40"/>
      <c r="F286" s="40"/>
      <c r="G286" s="40"/>
      <c r="H286" s="40"/>
      <c r="L286" s="40"/>
      <c r="M286" s="40"/>
      <c r="N286" s="40"/>
      <c r="O286" s="40"/>
      <c r="P286" s="40"/>
      <c r="Q286" s="40"/>
      <c r="R286" s="40"/>
      <c r="S286" s="40"/>
    </row>
    <row r="287" spans="2:19" ht="13.5">
      <c r="B287" s="40"/>
      <c r="C287" s="40"/>
      <c r="D287" s="40"/>
      <c r="E287" s="40"/>
      <c r="F287" s="40"/>
      <c r="G287" s="40"/>
      <c r="H287" s="40"/>
      <c r="L287" s="40"/>
      <c r="M287" s="40"/>
      <c r="N287" s="40"/>
      <c r="O287" s="40"/>
      <c r="P287" s="40"/>
      <c r="Q287" s="40"/>
      <c r="R287" s="40"/>
      <c r="S287" s="40"/>
    </row>
    <row r="288" spans="2:19" ht="13.5">
      <c r="B288" s="40"/>
      <c r="C288" s="40"/>
      <c r="D288" s="40"/>
      <c r="E288" s="40"/>
      <c r="F288" s="40"/>
      <c r="G288" s="40"/>
      <c r="H288" s="40"/>
      <c r="L288" s="40"/>
      <c r="M288" s="40"/>
      <c r="N288" s="40"/>
      <c r="O288" s="40"/>
      <c r="P288" s="40"/>
      <c r="Q288" s="40"/>
      <c r="R288" s="40"/>
      <c r="S288" s="40"/>
    </row>
    <row r="289" spans="2:19" ht="13.5">
      <c r="B289" s="40"/>
      <c r="C289" s="40"/>
      <c r="D289" s="40"/>
      <c r="E289" s="40"/>
      <c r="F289" s="40"/>
      <c r="G289" s="40"/>
      <c r="H289" s="40"/>
      <c r="L289" s="40"/>
      <c r="M289" s="40"/>
      <c r="N289" s="40"/>
      <c r="O289" s="40"/>
      <c r="P289" s="40"/>
      <c r="Q289" s="40"/>
      <c r="R289" s="40"/>
      <c r="S289" s="40"/>
    </row>
    <row r="290" spans="2:19" ht="13.5">
      <c r="B290" s="40"/>
      <c r="C290" s="40"/>
      <c r="D290" s="40"/>
      <c r="E290" s="40"/>
      <c r="F290" s="40"/>
      <c r="G290" s="40"/>
      <c r="H290" s="40"/>
      <c r="L290" s="40"/>
      <c r="M290" s="40"/>
      <c r="N290" s="40"/>
      <c r="O290" s="40"/>
      <c r="P290" s="40"/>
      <c r="Q290" s="40"/>
      <c r="R290" s="40"/>
      <c r="S290" s="40"/>
    </row>
    <row r="291" spans="2:19" ht="13.5">
      <c r="B291" s="40"/>
      <c r="C291" s="40"/>
      <c r="D291" s="40"/>
      <c r="E291" s="40"/>
      <c r="F291" s="40"/>
      <c r="G291" s="40"/>
      <c r="H291" s="40"/>
      <c r="L291" s="40"/>
      <c r="M291" s="40"/>
      <c r="N291" s="40"/>
      <c r="O291" s="40"/>
      <c r="P291" s="40"/>
      <c r="Q291" s="40"/>
      <c r="R291" s="40"/>
      <c r="S291" s="40"/>
    </row>
    <row r="292" spans="2:19" ht="13.5">
      <c r="B292" s="40"/>
      <c r="C292" s="40"/>
      <c r="D292" s="40"/>
      <c r="E292" s="40"/>
      <c r="F292" s="40"/>
      <c r="G292" s="40"/>
      <c r="H292" s="40"/>
      <c r="L292" s="40"/>
      <c r="M292" s="40"/>
      <c r="N292" s="40"/>
      <c r="O292" s="40"/>
      <c r="P292" s="40"/>
      <c r="Q292" s="40"/>
      <c r="R292" s="40"/>
      <c r="S292" s="40"/>
    </row>
    <row r="293" spans="2:19" ht="13.5">
      <c r="B293" s="40"/>
      <c r="C293" s="40"/>
      <c r="D293" s="40"/>
      <c r="E293" s="40"/>
      <c r="F293" s="40"/>
      <c r="G293" s="40"/>
      <c r="H293" s="40"/>
      <c r="L293" s="40"/>
      <c r="M293" s="40"/>
      <c r="N293" s="40"/>
      <c r="O293" s="40"/>
      <c r="P293" s="40"/>
      <c r="Q293" s="40"/>
      <c r="R293" s="40"/>
      <c r="S293" s="40"/>
    </row>
    <row r="294" spans="2:19" ht="13.5">
      <c r="B294" s="40"/>
      <c r="C294" s="40"/>
      <c r="D294" s="40"/>
      <c r="E294" s="40"/>
      <c r="F294" s="40"/>
      <c r="G294" s="40"/>
      <c r="H294" s="40"/>
      <c r="L294" s="40"/>
      <c r="M294" s="40"/>
      <c r="N294" s="40"/>
      <c r="O294" s="40"/>
      <c r="P294" s="40"/>
      <c r="Q294" s="40"/>
      <c r="R294" s="40"/>
      <c r="S294" s="40"/>
    </row>
    <row r="295" spans="2:19" ht="13.5">
      <c r="B295" s="40"/>
      <c r="C295" s="40"/>
      <c r="D295" s="40"/>
      <c r="E295" s="40"/>
      <c r="F295" s="40"/>
      <c r="G295" s="40"/>
      <c r="H295" s="40"/>
      <c r="L295" s="40"/>
      <c r="M295" s="40"/>
      <c r="N295" s="40"/>
      <c r="O295" s="40"/>
      <c r="P295" s="40"/>
      <c r="Q295" s="40"/>
      <c r="R295" s="40"/>
      <c r="S295" s="40"/>
    </row>
    <row r="296" spans="2:19" ht="13.5">
      <c r="B296" s="40"/>
      <c r="C296" s="40"/>
      <c r="D296" s="40"/>
      <c r="E296" s="40"/>
      <c r="F296" s="40"/>
      <c r="G296" s="40"/>
      <c r="H296" s="40"/>
      <c r="L296" s="40"/>
      <c r="M296" s="40"/>
      <c r="N296" s="40"/>
      <c r="O296" s="40"/>
      <c r="P296" s="40"/>
      <c r="Q296" s="40"/>
      <c r="R296" s="40"/>
      <c r="S296" s="40"/>
    </row>
    <row r="297" spans="2:19" ht="13.5">
      <c r="B297" s="40"/>
      <c r="C297" s="40"/>
      <c r="D297" s="40"/>
      <c r="E297" s="40"/>
      <c r="F297" s="40"/>
      <c r="G297" s="40"/>
      <c r="H297" s="40"/>
      <c r="L297" s="40"/>
      <c r="M297" s="40"/>
      <c r="N297" s="40"/>
      <c r="O297" s="40"/>
      <c r="P297" s="40"/>
      <c r="Q297" s="40"/>
      <c r="R297" s="40"/>
      <c r="S297" s="40"/>
    </row>
    <row r="298" spans="2:19" ht="13.5">
      <c r="B298" s="40"/>
      <c r="C298" s="40"/>
      <c r="D298" s="40"/>
      <c r="E298" s="40"/>
      <c r="F298" s="40"/>
      <c r="G298" s="40"/>
      <c r="H298" s="40"/>
      <c r="L298" s="40"/>
      <c r="M298" s="40"/>
      <c r="N298" s="40"/>
      <c r="O298" s="40"/>
      <c r="P298" s="40"/>
      <c r="Q298" s="40"/>
      <c r="R298" s="40"/>
      <c r="S298" s="40"/>
    </row>
    <row r="299" spans="2:19" ht="13.5">
      <c r="B299" s="40"/>
      <c r="C299" s="40"/>
      <c r="D299" s="40"/>
      <c r="E299" s="40"/>
      <c r="F299" s="40"/>
      <c r="G299" s="40"/>
      <c r="H299" s="40"/>
      <c r="L299" s="40"/>
      <c r="M299" s="40"/>
      <c r="N299" s="40"/>
      <c r="O299" s="40"/>
      <c r="P299" s="40"/>
      <c r="Q299" s="40"/>
      <c r="R299" s="40"/>
      <c r="S299" s="40"/>
    </row>
    <row r="300" spans="2:19" ht="13.5">
      <c r="B300" s="40"/>
      <c r="C300" s="40"/>
      <c r="D300" s="40"/>
      <c r="E300" s="40"/>
      <c r="F300" s="40"/>
      <c r="G300" s="40"/>
      <c r="H300" s="40"/>
      <c r="L300" s="40"/>
      <c r="M300" s="40"/>
      <c r="N300" s="40"/>
      <c r="O300" s="40"/>
      <c r="P300" s="40"/>
      <c r="Q300" s="40"/>
      <c r="R300" s="40"/>
      <c r="S300" s="40"/>
    </row>
    <row r="301" spans="2:19" ht="13.5">
      <c r="B301" s="40"/>
      <c r="C301" s="40"/>
      <c r="D301" s="40"/>
      <c r="E301" s="40"/>
      <c r="F301" s="40"/>
      <c r="G301" s="40"/>
      <c r="H301" s="40"/>
      <c r="L301" s="40"/>
      <c r="M301" s="40"/>
      <c r="N301" s="40"/>
      <c r="O301" s="40"/>
      <c r="P301" s="40"/>
      <c r="Q301" s="40"/>
      <c r="R301" s="40"/>
      <c r="S301" s="40"/>
    </row>
    <row r="302" spans="2:19" ht="13.5">
      <c r="B302" s="40"/>
      <c r="C302" s="40"/>
      <c r="D302" s="40"/>
      <c r="E302" s="40"/>
      <c r="F302" s="40"/>
      <c r="G302" s="40"/>
      <c r="H302" s="40"/>
      <c r="L302" s="40"/>
      <c r="M302" s="40"/>
      <c r="N302" s="40"/>
      <c r="O302" s="40"/>
      <c r="P302" s="40"/>
      <c r="Q302" s="40"/>
      <c r="R302" s="40"/>
      <c r="S302" s="40"/>
    </row>
    <row r="303" spans="2:19" ht="13.5">
      <c r="B303" s="40"/>
      <c r="C303" s="40"/>
      <c r="D303" s="40"/>
      <c r="E303" s="40"/>
      <c r="F303" s="40"/>
      <c r="G303" s="40"/>
      <c r="H303" s="40"/>
      <c r="L303" s="40"/>
      <c r="M303" s="40"/>
      <c r="N303" s="40"/>
      <c r="O303" s="40"/>
      <c r="P303" s="40"/>
      <c r="Q303" s="40"/>
      <c r="R303" s="40"/>
      <c r="S303" s="40"/>
    </row>
    <row r="304" spans="2:19" ht="13.5">
      <c r="B304" s="40"/>
      <c r="C304" s="40"/>
      <c r="D304" s="40"/>
      <c r="E304" s="40"/>
      <c r="F304" s="40"/>
      <c r="G304" s="40"/>
      <c r="H304" s="40"/>
      <c r="L304" s="40"/>
      <c r="M304" s="40"/>
      <c r="N304" s="40"/>
      <c r="O304" s="40"/>
      <c r="P304" s="40"/>
      <c r="Q304" s="40"/>
      <c r="R304" s="40"/>
      <c r="S304" s="40"/>
    </row>
    <row r="305" spans="2:19" ht="13.5">
      <c r="B305" s="40"/>
      <c r="C305" s="40"/>
      <c r="D305" s="40"/>
      <c r="E305" s="40"/>
      <c r="F305" s="40"/>
      <c r="G305" s="40"/>
      <c r="H305" s="40"/>
      <c r="L305" s="40"/>
      <c r="M305" s="40"/>
      <c r="N305" s="40"/>
      <c r="O305" s="40"/>
      <c r="P305" s="40"/>
      <c r="Q305" s="40"/>
      <c r="R305" s="40"/>
      <c r="S305" s="40"/>
    </row>
    <row r="306" spans="2:19" ht="13.5">
      <c r="B306" s="40"/>
      <c r="C306" s="40"/>
      <c r="D306" s="40"/>
      <c r="E306" s="40"/>
      <c r="F306" s="40"/>
      <c r="G306" s="40"/>
      <c r="H306" s="40"/>
      <c r="L306" s="40"/>
      <c r="M306" s="40"/>
      <c r="N306" s="40"/>
      <c r="O306" s="40"/>
      <c r="P306" s="40"/>
      <c r="Q306" s="40"/>
      <c r="R306" s="40"/>
      <c r="S306" s="40"/>
    </row>
    <row r="307" spans="2:19" ht="13.5">
      <c r="B307" s="40"/>
      <c r="C307" s="40"/>
      <c r="D307" s="40"/>
      <c r="E307" s="40"/>
      <c r="F307" s="40"/>
      <c r="G307" s="40"/>
      <c r="H307" s="40"/>
      <c r="L307" s="40"/>
      <c r="M307" s="40"/>
      <c r="N307" s="40"/>
      <c r="O307" s="40"/>
      <c r="P307" s="40"/>
      <c r="Q307" s="40"/>
      <c r="R307" s="40"/>
      <c r="S307" s="40"/>
    </row>
    <row r="308" spans="2:19" ht="13.5">
      <c r="B308" s="40"/>
      <c r="C308" s="40"/>
      <c r="D308" s="40"/>
      <c r="E308" s="40"/>
      <c r="F308" s="40"/>
      <c r="G308" s="40"/>
      <c r="H308" s="40"/>
      <c r="L308" s="40"/>
      <c r="M308" s="40"/>
      <c r="N308" s="40"/>
      <c r="O308" s="40"/>
      <c r="P308" s="40"/>
      <c r="Q308" s="40"/>
      <c r="R308" s="40"/>
      <c r="S308" s="40"/>
    </row>
    <row r="309" spans="2:19" ht="13.5">
      <c r="B309" s="40"/>
      <c r="C309" s="40"/>
      <c r="D309" s="40"/>
      <c r="E309" s="40"/>
      <c r="F309" s="40"/>
      <c r="G309" s="40"/>
      <c r="H309" s="40"/>
      <c r="L309" s="40"/>
      <c r="M309" s="40"/>
      <c r="N309" s="40"/>
      <c r="O309" s="40"/>
      <c r="P309" s="40"/>
      <c r="Q309" s="40"/>
      <c r="R309" s="40"/>
      <c r="S309" s="40"/>
    </row>
    <row r="310" spans="2:19" ht="13.5">
      <c r="B310" s="40"/>
      <c r="C310" s="40"/>
      <c r="D310" s="40"/>
      <c r="E310" s="40"/>
      <c r="F310" s="40"/>
      <c r="G310" s="40"/>
      <c r="H310" s="40"/>
      <c r="L310" s="40"/>
      <c r="M310" s="40"/>
      <c r="N310" s="40"/>
      <c r="O310" s="40"/>
      <c r="P310" s="40"/>
      <c r="Q310" s="40"/>
      <c r="R310" s="40"/>
      <c r="S310" s="40"/>
    </row>
    <row r="311" spans="2:19" ht="13.5">
      <c r="B311" s="40"/>
      <c r="C311" s="40"/>
      <c r="D311" s="40"/>
      <c r="E311" s="40"/>
      <c r="F311" s="40"/>
      <c r="G311" s="40"/>
      <c r="H311" s="40"/>
      <c r="L311" s="40"/>
      <c r="M311" s="40"/>
      <c r="N311" s="40"/>
      <c r="O311" s="40"/>
      <c r="P311" s="40"/>
      <c r="Q311" s="40"/>
      <c r="R311" s="40"/>
      <c r="S311" s="40"/>
    </row>
    <row r="312" spans="2:19" ht="13.5">
      <c r="B312" s="40"/>
      <c r="C312" s="40"/>
      <c r="D312" s="40"/>
      <c r="E312" s="40"/>
      <c r="F312" s="40"/>
      <c r="G312" s="40"/>
      <c r="H312" s="40"/>
      <c r="L312" s="40"/>
      <c r="M312" s="40"/>
      <c r="N312" s="40"/>
      <c r="O312" s="40"/>
      <c r="P312" s="40"/>
      <c r="Q312" s="40"/>
      <c r="R312" s="40"/>
      <c r="S312" s="40"/>
    </row>
    <row r="313" spans="2:19" ht="13.5">
      <c r="B313" s="40"/>
      <c r="C313" s="40"/>
      <c r="D313" s="40"/>
      <c r="E313" s="40"/>
      <c r="F313" s="40"/>
      <c r="G313" s="40"/>
      <c r="H313" s="40"/>
      <c r="L313" s="40"/>
      <c r="M313" s="40"/>
      <c r="N313" s="40"/>
      <c r="O313" s="40"/>
      <c r="P313" s="40"/>
      <c r="Q313" s="40"/>
      <c r="R313" s="40"/>
      <c r="S313" s="40"/>
    </row>
    <row r="314" spans="2:19" ht="13.5">
      <c r="B314" s="40"/>
      <c r="C314" s="40"/>
      <c r="D314" s="40"/>
      <c r="E314" s="40"/>
      <c r="F314" s="40"/>
      <c r="G314" s="40"/>
      <c r="H314" s="40"/>
      <c r="L314" s="40"/>
      <c r="M314" s="40"/>
      <c r="N314" s="40"/>
      <c r="O314" s="40"/>
      <c r="P314" s="40"/>
      <c r="Q314" s="40"/>
      <c r="R314" s="40"/>
      <c r="S314" s="40"/>
    </row>
    <row r="315" spans="2:19" ht="13.5">
      <c r="B315" s="40"/>
      <c r="C315" s="40"/>
      <c r="D315" s="40"/>
      <c r="E315" s="40"/>
      <c r="F315" s="40"/>
      <c r="G315" s="40"/>
      <c r="H315" s="40"/>
      <c r="L315" s="40"/>
      <c r="M315" s="40"/>
      <c r="N315" s="40"/>
      <c r="O315" s="40"/>
      <c r="P315" s="40"/>
      <c r="Q315" s="40"/>
      <c r="R315" s="40"/>
      <c r="S315" s="40"/>
    </row>
    <row r="316" spans="2:19" ht="13.5">
      <c r="B316" s="40"/>
      <c r="C316" s="40"/>
      <c r="D316" s="40"/>
      <c r="E316" s="40"/>
      <c r="F316" s="40"/>
      <c r="G316" s="40"/>
      <c r="H316" s="40"/>
      <c r="L316" s="40"/>
      <c r="M316" s="40"/>
      <c r="N316" s="40"/>
      <c r="O316" s="40"/>
      <c r="P316" s="40"/>
      <c r="Q316" s="40"/>
      <c r="R316" s="40"/>
      <c r="S316" s="40"/>
    </row>
    <row r="317" spans="2:19" ht="13.5">
      <c r="B317" s="40"/>
      <c r="C317" s="40"/>
      <c r="D317" s="40"/>
      <c r="E317" s="40"/>
      <c r="F317" s="40"/>
      <c r="G317" s="40"/>
      <c r="H317" s="40"/>
      <c r="L317" s="40"/>
      <c r="M317" s="40"/>
      <c r="N317" s="40"/>
      <c r="O317" s="40"/>
      <c r="P317" s="40"/>
      <c r="Q317" s="40"/>
      <c r="R317" s="40"/>
      <c r="S317" s="40"/>
    </row>
    <row r="318" spans="2:19" ht="13.5">
      <c r="B318" s="40"/>
      <c r="C318" s="40"/>
      <c r="D318" s="40"/>
      <c r="E318" s="40"/>
      <c r="F318" s="40"/>
      <c r="G318" s="40"/>
      <c r="H318" s="40"/>
      <c r="L318" s="40"/>
      <c r="M318" s="40"/>
      <c r="N318" s="40"/>
      <c r="O318" s="40"/>
      <c r="P318" s="40"/>
      <c r="Q318" s="40"/>
      <c r="R318" s="40"/>
      <c r="S318" s="40"/>
    </row>
    <row r="319" spans="2:19" ht="13.5">
      <c r="B319" s="40"/>
      <c r="C319" s="40"/>
      <c r="D319" s="40"/>
      <c r="E319" s="40"/>
      <c r="F319" s="40"/>
      <c r="G319" s="40"/>
      <c r="H319" s="40"/>
      <c r="L319" s="40"/>
      <c r="M319" s="40"/>
      <c r="N319" s="40"/>
      <c r="O319" s="40"/>
      <c r="P319" s="40"/>
      <c r="Q319" s="40"/>
      <c r="R319" s="40"/>
      <c r="S319" s="40"/>
    </row>
    <row r="320" spans="2:19" ht="13.5">
      <c r="B320" s="40"/>
      <c r="C320" s="40"/>
      <c r="D320" s="40"/>
      <c r="E320" s="40"/>
      <c r="F320" s="40"/>
      <c r="G320" s="40"/>
      <c r="H320" s="40"/>
      <c r="L320" s="40"/>
      <c r="M320" s="40"/>
      <c r="N320" s="40"/>
      <c r="O320" s="40"/>
      <c r="P320" s="40"/>
      <c r="Q320" s="40"/>
      <c r="R320" s="40"/>
      <c r="S320" s="40"/>
    </row>
    <row r="321" spans="2:19" ht="13.5">
      <c r="B321" s="40"/>
      <c r="C321" s="40"/>
      <c r="D321" s="40"/>
      <c r="E321" s="40"/>
      <c r="F321" s="40"/>
      <c r="G321" s="40"/>
      <c r="H321" s="40"/>
      <c r="L321" s="40"/>
      <c r="M321" s="40"/>
      <c r="N321" s="40"/>
      <c r="O321" s="40"/>
      <c r="P321" s="40"/>
      <c r="Q321" s="40"/>
      <c r="R321" s="40"/>
      <c r="S321" s="40"/>
    </row>
    <row r="322" spans="2:19" ht="13.5">
      <c r="B322" s="40"/>
      <c r="C322" s="40"/>
      <c r="D322" s="40"/>
      <c r="E322" s="40"/>
      <c r="F322" s="40"/>
      <c r="G322" s="40"/>
      <c r="H322" s="40"/>
      <c r="L322" s="40"/>
      <c r="M322" s="40"/>
      <c r="N322" s="40"/>
      <c r="O322" s="40"/>
      <c r="P322" s="40"/>
      <c r="Q322" s="40"/>
      <c r="R322" s="40"/>
      <c r="S322" s="40"/>
    </row>
    <row r="323" spans="2:19" ht="13.5">
      <c r="B323" s="40"/>
      <c r="C323" s="40"/>
      <c r="D323" s="40"/>
      <c r="E323" s="40"/>
      <c r="F323" s="40"/>
      <c r="G323" s="40"/>
      <c r="H323" s="40"/>
      <c r="L323" s="40"/>
      <c r="M323" s="40"/>
      <c r="N323" s="40"/>
      <c r="O323" s="40"/>
      <c r="P323" s="40"/>
      <c r="Q323" s="40"/>
      <c r="R323" s="40"/>
      <c r="S323" s="40"/>
    </row>
    <row r="324" spans="2:19" ht="13.5">
      <c r="B324" s="40"/>
      <c r="C324" s="40"/>
      <c r="D324" s="40"/>
      <c r="E324" s="40"/>
      <c r="F324" s="40"/>
      <c r="G324" s="40"/>
      <c r="H324" s="40"/>
      <c r="L324" s="40"/>
      <c r="M324" s="40"/>
      <c r="N324" s="40"/>
      <c r="O324" s="40"/>
      <c r="P324" s="40"/>
      <c r="Q324" s="40"/>
      <c r="R324" s="40"/>
      <c r="S324" s="40"/>
    </row>
    <row r="325" spans="2:19" ht="13.5">
      <c r="B325" s="40"/>
      <c r="C325" s="40"/>
      <c r="D325" s="40"/>
      <c r="E325" s="40"/>
      <c r="F325" s="40"/>
      <c r="G325" s="40"/>
      <c r="H325" s="40"/>
      <c r="L325" s="40"/>
      <c r="M325" s="40"/>
      <c r="N325" s="40"/>
      <c r="O325" s="40"/>
      <c r="P325" s="40"/>
      <c r="Q325" s="40"/>
      <c r="R325" s="40"/>
      <c r="S325" s="40"/>
    </row>
    <row r="326" spans="2:19" ht="13.5">
      <c r="B326" s="40"/>
      <c r="C326" s="40"/>
      <c r="D326" s="40"/>
      <c r="E326" s="40"/>
      <c r="F326" s="40"/>
      <c r="G326" s="40"/>
      <c r="H326" s="40"/>
      <c r="L326" s="40"/>
      <c r="M326" s="40"/>
      <c r="N326" s="40"/>
      <c r="O326" s="40"/>
      <c r="P326" s="40"/>
      <c r="Q326" s="40"/>
      <c r="R326" s="40"/>
      <c r="S326" s="40"/>
    </row>
    <row r="327" spans="2:19" ht="13.5">
      <c r="B327" s="40"/>
      <c r="C327" s="40"/>
      <c r="D327" s="40"/>
      <c r="E327" s="40"/>
      <c r="F327" s="40"/>
      <c r="G327" s="40"/>
      <c r="H327" s="40"/>
      <c r="L327" s="40"/>
      <c r="M327" s="40"/>
      <c r="N327" s="40"/>
      <c r="O327" s="40"/>
      <c r="P327" s="40"/>
      <c r="Q327" s="40"/>
      <c r="R327" s="40"/>
      <c r="S327" s="40"/>
    </row>
    <row r="328" spans="2:19" ht="13.5">
      <c r="B328" s="40"/>
      <c r="C328" s="40"/>
      <c r="D328" s="40"/>
      <c r="E328" s="40"/>
      <c r="F328" s="40"/>
      <c r="G328" s="40"/>
      <c r="H328" s="40"/>
      <c r="L328" s="40"/>
      <c r="M328" s="40"/>
      <c r="N328" s="40"/>
      <c r="O328" s="40"/>
      <c r="P328" s="40"/>
      <c r="Q328" s="40"/>
      <c r="R328" s="40"/>
      <c r="S328" s="40"/>
    </row>
    <row r="329" spans="2:19" ht="13.5">
      <c r="B329" s="40"/>
      <c r="C329" s="40"/>
      <c r="D329" s="40"/>
      <c r="E329" s="40"/>
      <c r="F329" s="40"/>
      <c r="G329" s="40"/>
      <c r="H329" s="40"/>
      <c r="L329" s="40"/>
      <c r="M329" s="40"/>
      <c r="N329" s="40"/>
      <c r="O329" s="40"/>
      <c r="P329" s="40"/>
      <c r="Q329" s="40"/>
      <c r="R329" s="40"/>
      <c r="S329" s="40"/>
    </row>
    <row r="330" spans="2:19" ht="13.5">
      <c r="B330" s="40"/>
      <c r="C330" s="40"/>
      <c r="D330" s="40"/>
      <c r="E330" s="40"/>
      <c r="F330" s="40"/>
      <c r="G330" s="40"/>
      <c r="H330" s="40"/>
      <c r="L330" s="40"/>
      <c r="M330" s="40"/>
      <c r="N330" s="40"/>
      <c r="O330" s="40"/>
      <c r="P330" s="40"/>
      <c r="Q330" s="40"/>
      <c r="R330" s="40"/>
      <c r="S330" s="40"/>
    </row>
    <row r="331" spans="2:19" ht="13.5">
      <c r="B331" s="40"/>
      <c r="C331" s="40"/>
      <c r="D331" s="40"/>
      <c r="E331" s="40"/>
      <c r="F331" s="40"/>
      <c r="G331" s="40"/>
      <c r="H331" s="40"/>
      <c r="L331" s="40"/>
      <c r="M331" s="40"/>
      <c r="N331" s="40"/>
      <c r="O331" s="40"/>
      <c r="P331" s="40"/>
      <c r="Q331" s="40"/>
      <c r="R331" s="40"/>
      <c r="S331" s="40"/>
    </row>
    <row r="332" spans="2:19" ht="13.5">
      <c r="B332" s="40"/>
      <c r="C332" s="40"/>
      <c r="D332" s="40"/>
      <c r="E332" s="40"/>
      <c r="F332" s="40"/>
      <c r="G332" s="40"/>
      <c r="H332" s="40"/>
      <c r="L332" s="40"/>
      <c r="M332" s="40"/>
      <c r="N332" s="40"/>
      <c r="O332" s="40"/>
      <c r="P332" s="40"/>
      <c r="Q332" s="40"/>
      <c r="R332" s="40"/>
      <c r="S332" s="40"/>
    </row>
    <row r="333" spans="2:19" ht="13.5">
      <c r="B333" s="40"/>
      <c r="C333" s="40"/>
      <c r="D333" s="40"/>
      <c r="E333" s="40"/>
      <c r="F333" s="40"/>
      <c r="G333" s="40"/>
      <c r="H333" s="40"/>
      <c r="L333" s="40"/>
      <c r="M333" s="40"/>
      <c r="N333" s="40"/>
      <c r="O333" s="40"/>
      <c r="P333" s="40"/>
      <c r="Q333" s="40"/>
      <c r="R333" s="40"/>
      <c r="S333" s="40"/>
    </row>
    <row r="334" spans="2:19" ht="13.5">
      <c r="B334" s="40"/>
      <c r="C334" s="40"/>
      <c r="D334" s="40"/>
      <c r="E334" s="40"/>
      <c r="F334" s="40"/>
      <c r="G334" s="40"/>
      <c r="H334" s="40"/>
      <c r="L334" s="40"/>
      <c r="M334" s="40"/>
      <c r="N334" s="40"/>
      <c r="O334" s="40"/>
      <c r="P334" s="40"/>
      <c r="Q334" s="40"/>
      <c r="R334" s="40"/>
      <c r="S334" s="40"/>
    </row>
    <row r="335" spans="2:19" ht="13.5">
      <c r="B335" s="40"/>
      <c r="C335" s="40"/>
      <c r="D335" s="40"/>
      <c r="E335" s="40"/>
      <c r="F335" s="40"/>
      <c r="G335" s="40"/>
      <c r="H335" s="40"/>
      <c r="L335" s="40"/>
      <c r="M335" s="40"/>
      <c r="N335" s="40"/>
      <c r="O335" s="40"/>
      <c r="P335" s="40"/>
      <c r="Q335" s="40"/>
      <c r="R335" s="40"/>
      <c r="S335" s="40"/>
    </row>
    <row r="336" spans="2:19" ht="13.5">
      <c r="B336" s="40"/>
      <c r="C336" s="40"/>
      <c r="D336" s="40"/>
      <c r="E336" s="40"/>
      <c r="F336" s="40"/>
      <c r="G336" s="40"/>
      <c r="H336" s="40"/>
      <c r="L336" s="40"/>
      <c r="M336" s="40"/>
      <c r="N336" s="40"/>
      <c r="O336" s="40"/>
      <c r="P336" s="40"/>
      <c r="Q336" s="40"/>
      <c r="R336" s="40"/>
      <c r="S336" s="40"/>
    </row>
    <row r="337" spans="2:19" ht="13.5">
      <c r="B337" s="40"/>
      <c r="C337" s="40"/>
      <c r="D337" s="40"/>
      <c r="E337" s="40"/>
      <c r="F337" s="40"/>
      <c r="G337" s="40"/>
      <c r="H337" s="40"/>
      <c r="L337" s="40"/>
      <c r="M337" s="40"/>
      <c r="N337" s="40"/>
      <c r="O337" s="40"/>
      <c r="P337" s="40"/>
      <c r="Q337" s="40"/>
      <c r="R337" s="40"/>
      <c r="S337" s="40"/>
    </row>
    <row r="338" spans="2:19" ht="13.5">
      <c r="B338" s="40"/>
      <c r="C338" s="40"/>
      <c r="D338" s="40"/>
      <c r="E338" s="40"/>
      <c r="F338" s="40"/>
      <c r="G338" s="40"/>
      <c r="H338" s="40"/>
      <c r="L338" s="40"/>
      <c r="M338" s="40"/>
      <c r="N338" s="40"/>
      <c r="O338" s="40"/>
      <c r="P338" s="40"/>
      <c r="Q338" s="40"/>
      <c r="R338" s="40"/>
      <c r="S338" s="40"/>
    </row>
    <row r="339" spans="2:19" ht="13.5">
      <c r="B339" s="40"/>
      <c r="C339" s="40"/>
      <c r="D339" s="40"/>
      <c r="E339" s="40"/>
      <c r="F339" s="40"/>
      <c r="G339" s="40"/>
      <c r="H339" s="40"/>
      <c r="L339" s="40"/>
      <c r="M339" s="40"/>
      <c r="N339" s="40"/>
      <c r="O339" s="40"/>
      <c r="P339" s="40"/>
      <c r="Q339" s="40"/>
      <c r="R339" s="40"/>
      <c r="S339" s="40"/>
    </row>
    <row r="340" spans="2:19" ht="13.5">
      <c r="B340" s="40"/>
      <c r="C340" s="40"/>
      <c r="D340" s="40"/>
      <c r="E340" s="40"/>
      <c r="F340" s="40"/>
      <c r="G340" s="40"/>
      <c r="H340" s="40"/>
      <c r="L340" s="40"/>
      <c r="M340" s="40"/>
      <c r="N340" s="40"/>
      <c r="O340" s="40"/>
      <c r="P340" s="40"/>
      <c r="Q340" s="40"/>
      <c r="R340" s="40"/>
      <c r="S340" s="40"/>
    </row>
    <row r="341" spans="2:19" ht="13.5">
      <c r="B341" s="40"/>
      <c r="C341" s="40"/>
      <c r="D341" s="40"/>
      <c r="E341" s="40"/>
      <c r="F341" s="40"/>
      <c r="G341" s="40"/>
      <c r="H341" s="40"/>
      <c r="L341" s="40"/>
      <c r="M341" s="40"/>
      <c r="N341" s="40"/>
      <c r="O341" s="40"/>
      <c r="P341" s="40"/>
      <c r="Q341" s="40"/>
      <c r="R341" s="40"/>
      <c r="S341" s="40"/>
    </row>
    <row r="342" spans="2:19" ht="13.5">
      <c r="B342" s="40"/>
      <c r="C342" s="40"/>
      <c r="D342" s="40"/>
      <c r="E342" s="40"/>
      <c r="F342" s="40"/>
      <c r="G342" s="40"/>
      <c r="H342" s="40"/>
      <c r="L342" s="40"/>
      <c r="M342" s="40"/>
      <c r="N342" s="40"/>
      <c r="O342" s="40"/>
      <c r="P342" s="40"/>
      <c r="Q342" s="40"/>
      <c r="R342" s="40"/>
      <c r="S342" s="40"/>
    </row>
    <row r="343" spans="2:19" ht="13.5">
      <c r="B343" s="40"/>
      <c r="C343" s="40"/>
      <c r="D343" s="40"/>
      <c r="E343" s="40"/>
      <c r="F343" s="40"/>
      <c r="G343" s="40"/>
      <c r="H343" s="40"/>
      <c r="L343" s="40"/>
      <c r="M343" s="40"/>
      <c r="N343" s="40"/>
      <c r="O343" s="40"/>
      <c r="P343" s="40"/>
      <c r="Q343" s="40"/>
      <c r="R343" s="40"/>
      <c r="S343" s="40"/>
    </row>
    <row r="344" spans="2:19" ht="13.5">
      <c r="B344" s="40"/>
      <c r="C344" s="40"/>
      <c r="D344" s="40"/>
      <c r="E344" s="40"/>
      <c r="F344" s="40"/>
      <c r="G344" s="40"/>
      <c r="H344" s="40"/>
      <c r="L344" s="40"/>
      <c r="M344" s="40"/>
      <c r="N344" s="40"/>
      <c r="O344" s="40"/>
      <c r="P344" s="40"/>
      <c r="Q344" s="40"/>
      <c r="R344" s="40"/>
      <c r="S344" s="40"/>
    </row>
    <row r="345" spans="2:19" ht="13.5">
      <c r="B345" s="40"/>
      <c r="C345" s="40"/>
      <c r="D345" s="40"/>
      <c r="E345" s="40"/>
      <c r="F345" s="40"/>
      <c r="G345" s="40"/>
      <c r="H345" s="40"/>
      <c r="L345" s="40"/>
      <c r="M345" s="40"/>
      <c r="N345" s="40"/>
      <c r="O345" s="40"/>
      <c r="P345" s="40"/>
      <c r="Q345" s="40"/>
      <c r="R345" s="40"/>
      <c r="S345" s="40"/>
    </row>
    <row r="346" spans="2:19" ht="13.5">
      <c r="B346" s="40"/>
      <c r="C346" s="40"/>
      <c r="D346" s="40"/>
      <c r="E346" s="40"/>
      <c r="F346" s="40"/>
      <c r="G346" s="40"/>
      <c r="H346" s="40"/>
      <c r="L346" s="40"/>
      <c r="M346" s="40"/>
      <c r="N346" s="40"/>
      <c r="O346" s="40"/>
      <c r="P346" s="40"/>
      <c r="Q346" s="40"/>
      <c r="R346" s="40"/>
      <c r="S346" s="40"/>
    </row>
    <row r="347" spans="2:19" ht="13.5">
      <c r="B347" s="40"/>
      <c r="C347" s="40"/>
      <c r="D347" s="40"/>
      <c r="E347" s="40"/>
      <c r="F347" s="40"/>
      <c r="G347" s="40"/>
      <c r="H347" s="40"/>
      <c r="L347" s="40"/>
      <c r="M347" s="40"/>
      <c r="N347" s="40"/>
      <c r="O347" s="40"/>
      <c r="P347" s="40"/>
      <c r="Q347" s="40"/>
      <c r="R347" s="40"/>
      <c r="S347" s="40"/>
    </row>
    <row r="348" spans="2:19" ht="13.5">
      <c r="B348" s="40"/>
      <c r="C348" s="40"/>
      <c r="D348" s="40"/>
      <c r="E348" s="40"/>
      <c r="F348" s="40"/>
      <c r="G348" s="40"/>
      <c r="H348" s="40"/>
      <c r="L348" s="40"/>
      <c r="M348" s="40"/>
      <c r="N348" s="40"/>
      <c r="O348" s="40"/>
      <c r="P348" s="40"/>
      <c r="Q348" s="40"/>
      <c r="R348" s="40"/>
      <c r="S348" s="40"/>
    </row>
    <row r="349" spans="2:19" ht="13.5">
      <c r="B349" s="40"/>
      <c r="C349" s="40"/>
      <c r="D349" s="40"/>
      <c r="E349" s="40"/>
      <c r="F349" s="40"/>
      <c r="G349" s="40"/>
      <c r="H349" s="40"/>
      <c r="L349" s="40"/>
      <c r="M349" s="40"/>
      <c r="N349" s="40"/>
      <c r="O349" s="40"/>
      <c r="P349" s="40"/>
      <c r="Q349" s="40"/>
      <c r="R349" s="40"/>
      <c r="S349" s="40"/>
    </row>
    <row r="350" spans="2:19" ht="13.5">
      <c r="B350" s="40"/>
      <c r="C350" s="40"/>
      <c r="D350" s="40"/>
      <c r="E350" s="40"/>
      <c r="F350" s="40"/>
      <c r="G350" s="40"/>
      <c r="H350" s="40"/>
      <c r="L350" s="40"/>
      <c r="M350" s="40"/>
      <c r="N350" s="40"/>
      <c r="O350" s="40"/>
      <c r="P350" s="40"/>
      <c r="Q350" s="40"/>
      <c r="R350" s="40"/>
      <c r="S350" s="40"/>
    </row>
    <row r="351" spans="2:19" ht="13.5">
      <c r="B351" s="40"/>
      <c r="C351" s="40"/>
      <c r="D351" s="40"/>
      <c r="E351" s="40"/>
      <c r="F351" s="40"/>
      <c r="G351" s="40"/>
      <c r="H351" s="40"/>
      <c r="L351" s="40"/>
      <c r="M351" s="40"/>
      <c r="N351" s="40"/>
      <c r="O351" s="40"/>
      <c r="P351" s="40"/>
      <c r="Q351" s="40"/>
      <c r="R351" s="40"/>
      <c r="S351" s="40"/>
    </row>
    <row r="352" spans="2:19" ht="13.5">
      <c r="B352" s="40"/>
      <c r="C352" s="40"/>
      <c r="D352" s="40"/>
      <c r="E352" s="40"/>
      <c r="F352" s="40"/>
      <c r="G352" s="40"/>
      <c r="H352" s="40"/>
      <c r="L352" s="40"/>
      <c r="M352" s="40"/>
      <c r="N352" s="40"/>
      <c r="O352" s="40"/>
      <c r="P352" s="40"/>
      <c r="Q352" s="40"/>
      <c r="R352" s="40"/>
      <c r="S352" s="40"/>
    </row>
    <row r="353" spans="2:19" ht="13.5">
      <c r="B353" s="40"/>
      <c r="C353" s="40"/>
      <c r="D353" s="40"/>
      <c r="E353" s="40"/>
      <c r="F353" s="40"/>
      <c r="G353" s="40"/>
      <c r="H353" s="40"/>
      <c r="L353" s="40"/>
      <c r="M353" s="40"/>
      <c r="N353" s="40"/>
      <c r="O353" s="40"/>
      <c r="P353" s="40"/>
      <c r="Q353" s="40"/>
      <c r="R353" s="40"/>
      <c r="S353" s="40"/>
    </row>
    <row r="354" spans="2:19" ht="13.5">
      <c r="B354" s="40"/>
      <c r="C354" s="40"/>
      <c r="D354" s="40"/>
      <c r="E354" s="40"/>
      <c r="F354" s="40"/>
      <c r="G354" s="40"/>
      <c r="H354" s="40"/>
      <c r="L354" s="40"/>
      <c r="M354" s="40"/>
      <c r="N354" s="40"/>
      <c r="O354" s="40"/>
      <c r="P354" s="40"/>
      <c r="Q354" s="40"/>
      <c r="R354" s="40"/>
      <c r="S354" s="40"/>
    </row>
    <row r="355" spans="2:19" ht="13.5">
      <c r="B355" s="40"/>
      <c r="C355" s="40"/>
      <c r="D355" s="40"/>
      <c r="E355" s="40"/>
      <c r="F355" s="40"/>
      <c r="G355" s="40"/>
      <c r="H355" s="40"/>
      <c r="L355" s="40"/>
      <c r="M355" s="40"/>
      <c r="N355" s="40"/>
      <c r="O355" s="40"/>
      <c r="P355" s="40"/>
      <c r="Q355" s="40"/>
      <c r="R355" s="40"/>
      <c r="S355" s="40"/>
    </row>
    <row r="356" spans="2:19" ht="13.5">
      <c r="B356" s="40"/>
      <c r="C356" s="40"/>
      <c r="D356" s="40"/>
      <c r="E356" s="40"/>
      <c r="F356" s="40"/>
      <c r="G356" s="40"/>
      <c r="H356" s="40"/>
      <c r="L356" s="40"/>
      <c r="M356" s="40"/>
      <c r="N356" s="40"/>
      <c r="O356" s="40"/>
      <c r="P356" s="40"/>
      <c r="Q356" s="40"/>
      <c r="R356" s="40"/>
      <c r="S356" s="40"/>
    </row>
    <row r="357" spans="2:19" ht="13.5">
      <c r="B357" s="40"/>
      <c r="C357" s="40"/>
      <c r="D357" s="40"/>
      <c r="E357" s="40"/>
      <c r="F357" s="40"/>
      <c r="G357" s="40"/>
      <c r="H357" s="40"/>
      <c r="L357" s="40"/>
      <c r="M357" s="40"/>
      <c r="N357" s="40"/>
      <c r="O357" s="40"/>
      <c r="P357" s="40"/>
      <c r="Q357" s="40"/>
      <c r="R357" s="40"/>
      <c r="S357" s="40"/>
    </row>
    <row r="358" spans="2:19" ht="13.5">
      <c r="B358" s="40"/>
      <c r="C358" s="40"/>
      <c r="D358" s="40"/>
      <c r="E358" s="40"/>
      <c r="F358" s="40"/>
      <c r="G358" s="40"/>
      <c r="H358" s="40"/>
      <c r="L358" s="40"/>
      <c r="M358" s="40"/>
      <c r="N358" s="40"/>
      <c r="O358" s="40"/>
      <c r="P358" s="40"/>
      <c r="Q358" s="40"/>
      <c r="R358" s="40"/>
      <c r="S358" s="40"/>
    </row>
    <row r="359" spans="2:19" ht="13.5">
      <c r="B359" s="40"/>
      <c r="C359" s="40"/>
      <c r="D359" s="40"/>
      <c r="E359" s="40"/>
      <c r="F359" s="40"/>
      <c r="G359" s="40"/>
      <c r="H359" s="40"/>
      <c r="L359" s="40"/>
      <c r="M359" s="40"/>
      <c r="N359" s="40"/>
      <c r="O359" s="40"/>
      <c r="P359" s="40"/>
      <c r="Q359" s="40"/>
      <c r="R359" s="40"/>
      <c r="S359" s="40"/>
    </row>
    <row r="360" spans="2:19" ht="13.5">
      <c r="B360" s="40"/>
      <c r="C360" s="40"/>
      <c r="D360" s="40"/>
      <c r="E360" s="40"/>
      <c r="F360" s="40"/>
      <c r="G360" s="40"/>
      <c r="H360" s="40"/>
      <c r="L360" s="40"/>
      <c r="M360" s="40"/>
      <c r="N360" s="40"/>
      <c r="O360" s="40"/>
      <c r="P360" s="40"/>
      <c r="Q360" s="40"/>
      <c r="R360" s="40"/>
      <c r="S360" s="40"/>
    </row>
    <row r="361" spans="2:19" ht="13.5">
      <c r="B361" s="40"/>
      <c r="C361" s="40"/>
      <c r="D361" s="40"/>
      <c r="E361" s="40"/>
      <c r="F361" s="40"/>
      <c r="G361" s="40"/>
      <c r="H361" s="40"/>
      <c r="L361" s="40"/>
      <c r="M361" s="40"/>
      <c r="N361" s="40"/>
      <c r="O361" s="40"/>
      <c r="P361" s="40"/>
      <c r="Q361" s="40"/>
      <c r="R361" s="40"/>
      <c r="S361" s="40"/>
    </row>
    <row r="362" spans="2:19" ht="13.5">
      <c r="B362" s="40"/>
      <c r="C362" s="40"/>
      <c r="D362" s="40"/>
      <c r="E362" s="40"/>
      <c r="F362" s="40"/>
      <c r="G362" s="40"/>
      <c r="H362" s="40"/>
      <c r="L362" s="40"/>
      <c r="M362" s="40"/>
      <c r="N362" s="40"/>
      <c r="O362" s="40"/>
      <c r="P362" s="40"/>
      <c r="Q362" s="40"/>
      <c r="R362" s="40"/>
      <c r="S362" s="40"/>
    </row>
    <row r="363" spans="2:19" ht="13.5">
      <c r="B363" s="40"/>
      <c r="C363" s="40"/>
      <c r="D363" s="40"/>
      <c r="E363" s="40"/>
      <c r="F363" s="40"/>
      <c r="G363" s="40"/>
      <c r="H363" s="40"/>
      <c r="L363" s="40"/>
      <c r="M363" s="40"/>
      <c r="N363" s="40"/>
      <c r="O363" s="40"/>
      <c r="P363" s="40"/>
      <c r="Q363" s="40"/>
      <c r="R363" s="40"/>
      <c r="S363" s="40"/>
    </row>
    <row r="364" spans="2:19" ht="13.5">
      <c r="B364" s="40"/>
      <c r="C364" s="40"/>
      <c r="D364" s="40"/>
      <c r="E364" s="40"/>
      <c r="F364" s="40"/>
      <c r="G364" s="40"/>
      <c r="H364" s="40"/>
      <c r="L364" s="40"/>
      <c r="M364" s="40"/>
      <c r="N364" s="40"/>
      <c r="O364" s="40"/>
      <c r="P364" s="40"/>
      <c r="Q364" s="40"/>
      <c r="R364" s="40"/>
      <c r="S364" s="40"/>
    </row>
    <row r="365" spans="2:19" ht="13.5">
      <c r="B365" s="40"/>
      <c r="C365" s="40"/>
      <c r="D365" s="40"/>
      <c r="E365" s="40"/>
      <c r="F365" s="40"/>
      <c r="G365" s="40"/>
      <c r="H365" s="40"/>
      <c r="L365" s="40"/>
      <c r="M365" s="40"/>
      <c r="N365" s="40"/>
      <c r="O365" s="40"/>
      <c r="P365" s="40"/>
      <c r="Q365" s="40"/>
      <c r="R365" s="40"/>
      <c r="S365" s="40"/>
    </row>
    <row r="366" spans="2:19" ht="13.5">
      <c r="B366" s="40"/>
      <c r="C366" s="40"/>
      <c r="D366" s="40"/>
      <c r="E366" s="40"/>
      <c r="F366" s="40"/>
      <c r="G366" s="40"/>
      <c r="H366" s="40"/>
      <c r="L366" s="40"/>
      <c r="M366" s="40"/>
      <c r="N366" s="40"/>
      <c r="O366" s="40"/>
      <c r="P366" s="40"/>
      <c r="Q366" s="40"/>
      <c r="R366" s="40"/>
      <c r="S366" s="40"/>
    </row>
    <row r="367" spans="2:19" ht="13.5">
      <c r="B367" s="40"/>
      <c r="C367" s="40"/>
      <c r="D367" s="40"/>
      <c r="E367" s="40"/>
      <c r="F367" s="40"/>
      <c r="G367" s="40"/>
      <c r="H367" s="40"/>
      <c r="L367" s="40"/>
      <c r="M367" s="40"/>
      <c r="N367" s="40"/>
      <c r="O367" s="40"/>
      <c r="P367" s="40"/>
      <c r="Q367" s="40"/>
      <c r="R367" s="40"/>
      <c r="S367" s="40"/>
    </row>
    <row r="368" spans="2:19" ht="13.5">
      <c r="B368" s="40"/>
      <c r="C368" s="40"/>
      <c r="D368" s="40"/>
      <c r="E368" s="40"/>
      <c r="F368" s="40"/>
      <c r="G368" s="40"/>
      <c r="H368" s="40"/>
      <c r="L368" s="40"/>
      <c r="M368" s="40"/>
      <c r="N368" s="40"/>
      <c r="O368" s="40"/>
      <c r="P368" s="40"/>
      <c r="Q368" s="40"/>
      <c r="R368" s="40"/>
      <c r="S368" s="40"/>
    </row>
    <row r="369" spans="2:19" ht="13.5">
      <c r="B369" s="40"/>
      <c r="C369" s="40"/>
      <c r="D369" s="40"/>
      <c r="E369" s="40"/>
      <c r="F369" s="40"/>
      <c r="G369" s="40"/>
      <c r="H369" s="40"/>
      <c r="L369" s="40"/>
      <c r="M369" s="40"/>
      <c r="N369" s="40"/>
      <c r="O369" s="40"/>
      <c r="P369" s="40"/>
      <c r="Q369" s="40"/>
      <c r="R369" s="40"/>
      <c r="S369" s="40"/>
    </row>
    <row r="370" spans="2:19" ht="13.5">
      <c r="B370" s="40"/>
      <c r="C370" s="40"/>
      <c r="D370" s="40"/>
      <c r="E370" s="40"/>
      <c r="F370" s="40"/>
      <c r="G370" s="40"/>
      <c r="H370" s="40"/>
      <c r="L370" s="40"/>
      <c r="M370" s="40"/>
      <c r="N370" s="40"/>
      <c r="O370" s="40"/>
      <c r="P370" s="40"/>
      <c r="Q370" s="40"/>
      <c r="R370" s="40"/>
      <c r="S370" s="40"/>
    </row>
    <row r="371" spans="2:19" ht="13.5">
      <c r="B371" s="40"/>
      <c r="C371" s="40"/>
      <c r="D371" s="40"/>
      <c r="E371" s="40"/>
      <c r="F371" s="40"/>
      <c r="G371" s="40"/>
      <c r="H371" s="40"/>
      <c r="L371" s="40"/>
      <c r="M371" s="40"/>
      <c r="N371" s="40"/>
      <c r="O371" s="40"/>
      <c r="P371" s="40"/>
      <c r="Q371" s="40"/>
      <c r="R371" s="40"/>
      <c r="S371" s="40"/>
    </row>
    <row r="372" spans="2:19" ht="13.5">
      <c r="B372" s="40"/>
      <c r="C372" s="40"/>
      <c r="D372" s="40"/>
      <c r="F372" s="40"/>
      <c r="G372" s="40"/>
      <c r="H372" s="40"/>
      <c r="L372" s="40"/>
      <c r="M372" s="40"/>
      <c r="N372" s="40"/>
      <c r="O372" s="40"/>
      <c r="P372" s="40"/>
      <c r="Q372" s="40"/>
      <c r="R372" s="40"/>
      <c r="S372" s="40"/>
    </row>
    <row r="373" spans="2:19" ht="13.5">
      <c r="F373" s="40"/>
      <c r="G373" s="40"/>
      <c r="H373" s="40"/>
      <c r="L373" s="40"/>
      <c r="M373" s="40"/>
      <c r="N373" s="40"/>
      <c r="O373" s="40"/>
      <c r="P373" s="40"/>
      <c r="Q373" s="40"/>
      <c r="R373" s="40"/>
      <c r="S373" s="40"/>
    </row>
    <row r="374" spans="2:19" ht="13.5">
      <c r="F374" s="40"/>
      <c r="G374" s="40"/>
      <c r="H374" s="40"/>
      <c r="L374" s="40"/>
      <c r="M374" s="40"/>
      <c r="N374" s="40"/>
      <c r="O374" s="40"/>
      <c r="P374" s="40"/>
      <c r="Q374" s="40"/>
      <c r="R374" s="40"/>
      <c r="S374" s="40"/>
    </row>
    <row r="375" spans="2:19" ht="13.5">
      <c r="F375" s="40"/>
      <c r="G375" s="40"/>
      <c r="H375" s="40"/>
      <c r="L375" s="40"/>
      <c r="M375" s="40"/>
      <c r="N375" s="40"/>
      <c r="O375" s="40"/>
      <c r="P375" s="40"/>
      <c r="Q375" s="40"/>
      <c r="R375" s="40"/>
      <c r="S375" s="40"/>
    </row>
    <row r="376" spans="2:19" ht="13.5">
      <c r="F376" s="40"/>
      <c r="G376" s="40"/>
      <c r="H376" s="40"/>
      <c r="L376" s="40"/>
      <c r="M376" s="40"/>
      <c r="N376" s="40"/>
      <c r="O376" s="40"/>
      <c r="P376" s="40"/>
      <c r="Q376" s="40"/>
      <c r="R376" s="40"/>
      <c r="S376" s="40"/>
    </row>
    <row r="377" spans="2:19" ht="13.5">
      <c r="F377" s="40"/>
      <c r="G377" s="40"/>
      <c r="H377" s="40"/>
      <c r="L377" s="40"/>
      <c r="M377" s="40"/>
      <c r="N377" s="40"/>
      <c r="O377" s="40"/>
      <c r="P377" s="40"/>
      <c r="Q377" s="40"/>
      <c r="R377" s="40"/>
      <c r="S377" s="40"/>
    </row>
    <row r="378" spans="2:19" ht="13.5">
      <c r="F378" s="40"/>
      <c r="G378" s="40"/>
      <c r="H378" s="40"/>
      <c r="L378" s="40"/>
      <c r="M378" s="40"/>
      <c r="N378" s="40"/>
      <c r="O378" s="40"/>
      <c r="P378" s="40"/>
      <c r="Q378" s="40"/>
      <c r="R378" s="40"/>
      <c r="S378" s="40"/>
    </row>
    <row r="379" spans="2:19">
      <c r="F379" s="40"/>
      <c r="G379" s="40"/>
      <c r="H379" s="40"/>
      <c r="S379" s="40"/>
    </row>
  </sheetData>
  <mergeCells count="7">
    <mergeCell ref="P11:S11"/>
    <mergeCell ref="B2:N2"/>
    <mergeCell ref="B3:M3"/>
    <mergeCell ref="B4:M8"/>
    <mergeCell ref="B9:N9"/>
    <mergeCell ref="C10:M10"/>
    <mergeCell ref="P10:S10"/>
  </mergeCells>
  <phoneticPr fontId="4"/>
  <conditionalFormatting sqref="U13:U21 U23:U37">
    <cfRule type="expression" dxfId="456" priority="112" stopIfTrue="1">
      <formula>ISERROR(U13)</formula>
    </cfRule>
  </conditionalFormatting>
  <conditionalFormatting sqref="I13:I29 S13:S15 S17:S25 S28:S37">
    <cfRule type="cellIs" dxfId="455" priority="53" stopIfTrue="1" operator="greaterThan">
      <formula>0</formula>
    </cfRule>
  </conditionalFormatting>
  <conditionalFormatting sqref="I33:I36">
    <cfRule type="cellIs" dxfId="454" priority="52" stopIfTrue="1" operator="greaterThan">
      <formula>0</formula>
    </cfRule>
  </conditionalFormatting>
  <conditionalFormatting sqref="I31">
    <cfRule type="cellIs" dxfId="453" priority="51" stopIfTrue="1" operator="greaterThan">
      <formula>0</formula>
    </cfRule>
  </conditionalFormatting>
  <conditionalFormatting sqref="I13:K14 I16:K29 K30 I31:K37">
    <cfRule type="expression" dxfId="452" priority="54" stopIfTrue="1">
      <formula>#REF!&gt;12</formula>
    </cfRule>
  </conditionalFormatting>
  <conditionalFormatting sqref="P30:P37 S13:S15 S17:S25 S28:S37">
    <cfRule type="expression" dxfId="451" priority="55" stopIfTrue="1">
      <formula>#REF!&gt;12</formula>
    </cfRule>
  </conditionalFormatting>
  <conditionalFormatting sqref="Q30:R37 G14:H14 Q17:R22 G16:H29 Q13:R15 G31:H31 G33:H37 Q24:R25 Q28:R28">
    <cfRule type="expression" dxfId="450" priority="56" stopIfTrue="1">
      <formula>ISERROR(G13)</formula>
    </cfRule>
    <cfRule type="expression" dxfId="449" priority="57" stopIfTrue="1">
      <formula>#REF!&gt;12</formula>
    </cfRule>
  </conditionalFormatting>
  <conditionalFormatting sqref="I15:K15 F13:F14 P17:P22 F16:F29 P13:P15 F31 F33:F37 P24:P25 P28">
    <cfRule type="expression" dxfId="448" priority="58" stopIfTrue="1">
      <formula>#REF!&gt;12</formula>
    </cfRule>
  </conditionalFormatting>
  <conditionalFormatting sqref="G13:H13">
    <cfRule type="expression" dxfId="447" priority="46" stopIfTrue="1">
      <formula>ISERROR(G13)</formula>
    </cfRule>
    <cfRule type="expression" dxfId="446" priority="47" stopIfTrue="1">
      <formula>#REF!&gt;12</formula>
    </cfRule>
  </conditionalFormatting>
  <conditionalFormatting sqref="F15">
    <cfRule type="expression" dxfId="445" priority="48" stopIfTrue="1">
      <formula>#REF!&gt;12</formula>
    </cfRule>
  </conditionalFormatting>
  <conditionalFormatting sqref="G15:H15">
    <cfRule type="expression" dxfId="444" priority="49" stopIfTrue="1">
      <formula>ISERROR(G15)</formula>
    </cfRule>
    <cfRule type="expression" dxfId="443" priority="50" stopIfTrue="1">
      <formula>#REF!&gt;12</formula>
    </cfRule>
  </conditionalFormatting>
  <conditionalFormatting sqref="P25">
    <cfRule type="expression" dxfId="442" priority="43" stopIfTrue="1">
      <formula>#REF!&gt;12</formula>
    </cfRule>
  </conditionalFormatting>
  <conditionalFormatting sqref="Q25:R25">
    <cfRule type="expression" dxfId="441" priority="44" stopIfTrue="1">
      <formula>ISERROR(Q25)</formula>
    </cfRule>
    <cfRule type="expression" dxfId="440" priority="45" stopIfTrue="1">
      <formula>#REF!&gt;12</formula>
    </cfRule>
  </conditionalFormatting>
  <conditionalFormatting sqref="P29">
    <cfRule type="expression" dxfId="439" priority="40" stopIfTrue="1">
      <formula>#REF!&gt;12</formula>
    </cfRule>
  </conditionalFormatting>
  <conditionalFormatting sqref="Q29:R29">
    <cfRule type="expression" dxfId="438" priority="41" stopIfTrue="1">
      <formula>ISERROR(Q29)</formula>
    </cfRule>
    <cfRule type="expression" dxfId="437" priority="42" stopIfTrue="1">
      <formula>#REF!&gt;12</formula>
    </cfRule>
  </conditionalFormatting>
  <conditionalFormatting sqref="P24">
    <cfRule type="expression" dxfId="436" priority="37" stopIfTrue="1">
      <formula>#REF!&gt;12</formula>
    </cfRule>
  </conditionalFormatting>
  <conditionalFormatting sqref="Q24:R24">
    <cfRule type="expression" dxfId="435" priority="38" stopIfTrue="1">
      <formula>ISERROR(Q24)</formula>
    </cfRule>
    <cfRule type="expression" dxfId="434" priority="39" stopIfTrue="1">
      <formula>#REF!&gt;12</formula>
    </cfRule>
  </conditionalFormatting>
  <conditionalFormatting sqref="P23">
    <cfRule type="expression" dxfId="433" priority="34" stopIfTrue="1">
      <formula>#REF!&gt;12</formula>
    </cfRule>
  </conditionalFormatting>
  <conditionalFormatting sqref="Q23:R23">
    <cfRule type="expression" dxfId="432" priority="35" stopIfTrue="1">
      <formula>ISERROR(Q23)</formula>
    </cfRule>
    <cfRule type="expression" dxfId="431" priority="36" stopIfTrue="1">
      <formula>#REF!&gt;12</formula>
    </cfRule>
  </conditionalFormatting>
  <conditionalFormatting sqref="Q16:R16">
    <cfRule type="expression" dxfId="430" priority="31" stopIfTrue="1">
      <formula>ISERROR(Q16)</formula>
    </cfRule>
    <cfRule type="expression" dxfId="429" priority="32" stopIfTrue="1">
      <formula>#REF!&gt;12</formula>
    </cfRule>
  </conditionalFormatting>
  <conditionalFormatting sqref="S16">
    <cfRule type="cellIs" dxfId="428" priority="29" stopIfTrue="1" operator="greaterThan">
      <formula>0</formula>
    </cfRule>
  </conditionalFormatting>
  <conditionalFormatting sqref="S16:T16">
    <cfRule type="expression" dxfId="427" priority="30" stopIfTrue="1">
      <formula>#REF!&gt;12</formula>
    </cfRule>
  </conditionalFormatting>
  <conditionalFormatting sqref="P16">
    <cfRule type="expression" dxfId="426" priority="33" stopIfTrue="1">
      <formula>#REF!&gt;12</formula>
    </cfRule>
  </conditionalFormatting>
  <conditionalFormatting sqref="I37">
    <cfRule type="cellIs" dxfId="425" priority="24" stopIfTrue="1" operator="greaterThan">
      <formula>0</formula>
    </cfRule>
  </conditionalFormatting>
  <conditionalFormatting sqref="I37">
    <cfRule type="expression" dxfId="424" priority="25" stopIfTrue="1">
      <formula>#REF!&gt;12</formula>
    </cfRule>
  </conditionalFormatting>
  <conditionalFormatting sqref="G37:H37">
    <cfRule type="expression" dxfId="423" priority="26" stopIfTrue="1">
      <formula>ISERROR(G37)</formula>
    </cfRule>
    <cfRule type="expression" dxfId="422" priority="27" stopIfTrue="1">
      <formula>#REF!&gt;12</formula>
    </cfRule>
  </conditionalFormatting>
  <conditionalFormatting sqref="F37">
    <cfRule type="expression" dxfId="421" priority="28" stopIfTrue="1">
      <formula>#REF!&gt;12</formula>
    </cfRule>
  </conditionalFormatting>
  <conditionalFormatting sqref="S26">
    <cfRule type="cellIs" dxfId="420" priority="19" stopIfTrue="1" operator="greaterThan">
      <formula>0</formula>
    </cfRule>
  </conditionalFormatting>
  <conditionalFormatting sqref="S26:T26">
    <cfRule type="expression" dxfId="419" priority="20" stopIfTrue="1">
      <formula>#REF!&gt;12</formula>
    </cfRule>
  </conditionalFormatting>
  <conditionalFormatting sqref="Q26:R26">
    <cfRule type="expression" dxfId="418" priority="21" stopIfTrue="1">
      <formula>ISERROR(Q26)</formula>
    </cfRule>
    <cfRule type="expression" dxfId="417" priority="22" stopIfTrue="1">
      <formula>#REF!&gt;12</formula>
    </cfRule>
  </conditionalFormatting>
  <conditionalFormatting sqref="P26">
    <cfRule type="expression" dxfId="416" priority="23" stopIfTrue="1">
      <formula>#REF!&gt;12</formula>
    </cfRule>
  </conditionalFormatting>
  <conditionalFormatting sqref="I30">
    <cfRule type="cellIs" dxfId="415" priority="17" stopIfTrue="1" operator="greaterThan">
      <formula>0</formula>
    </cfRule>
  </conditionalFormatting>
  <conditionalFormatting sqref="I30">
    <cfRule type="expression" dxfId="414" priority="18" stopIfTrue="1">
      <formula>#REF!&gt;12</formula>
    </cfRule>
  </conditionalFormatting>
  <conditionalFormatting sqref="G30:H30">
    <cfRule type="expression" dxfId="413" priority="15" stopIfTrue="1">
      <formula>ISERROR(G30)</formula>
    </cfRule>
    <cfRule type="expression" dxfId="412" priority="16" stopIfTrue="1">
      <formula>#REF!&gt;12</formula>
    </cfRule>
  </conditionalFormatting>
  <conditionalFormatting sqref="F30">
    <cfRule type="expression" dxfId="411" priority="12" stopIfTrue="1">
      <formula>#REF!&gt;12</formula>
    </cfRule>
  </conditionalFormatting>
  <conditionalFormatting sqref="G30:H30">
    <cfRule type="expression" dxfId="410" priority="13" stopIfTrue="1">
      <formula>ISERROR(G30)</formula>
    </cfRule>
    <cfRule type="expression" dxfId="409" priority="14" stopIfTrue="1">
      <formula>#REF!&gt;12</formula>
    </cfRule>
  </conditionalFormatting>
  <conditionalFormatting sqref="F30">
    <cfRule type="expression" dxfId="408" priority="11" stopIfTrue="1">
      <formula>#REF!&gt;12</formula>
    </cfRule>
  </conditionalFormatting>
  <conditionalFormatting sqref="S27">
    <cfRule type="cellIs" dxfId="407" priority="6" stopIfTrue="1" operator="greaterThan">
      <formula>0</formula>
    </cfRule>
  </conditionalFormatting>
  <conditionalFormatting sqref="S27:T27">
    <cfRule type="expression" dxfId="406" priority="7" stopIfTrue="1">
      <formula>#REF!&gt;12</formula>
    </cfRule>
  </conditionalFormatting>
  <conditionalFormatting sqref="Q27:R27">
    <cfRule type="expression" dxfId="405" priority="8" stopIfTrue="1">
      <formula>ISERROR(Q27)</formula>
    </cfRule>
    <cfRule type="expression" dxfId="404" priority="9" stopIfTrue="1">
      <formula>#REF!&gt;12</formula>
    </cfRule>
  </conditionalFormatting>
  <conditionalFormatting sqref="P27">
    <cfRule type="expression" dxfId="403" priority="10" stopIfTrue="1">
      <formula>#REF!&gt;12</formula>
    </cfRule>
  </conditionalFormatting>
  <conditionalFormatting sqref="I32">
    <cfRule type="cellIs" dxfId="402" priority="1" stopIfTrue="1" operator="greaterThan">
      <formula>0</formula>
    </cfRule>
  </conditionalFormatting>
  <conditionalFormatting sqref="I32">
    <cfRule type="expression" dxfId="401" priority="2" stopIfTrue="1">
      <formula>#REF!&gt;12</formula>
    </cfRule>
  </conditionalFormatting>
  <conditionalFormatting sqref="G32:H32">
    <cfRule type="expression" dxfId="400" priority="3" stopIfTrue="1">
      <formula>ISERROR(G32)</formula>
    </cfRule>
    <cfRule type="expression" dxfId="399" priority="4" stopIfTrue="1">
      <formula>#REF!&gt;12</formula>
    </cfRule>
  </conditionalFormatting>
  <conditionalFormatting sqref="F32">
    <cfRule type="expression" dxfId="398" priority="5" stopIfTrue="1">
      <formula>#REF!&gt;12</formula>
    </cfRule>
  </conditionalFormatting>
  <printOptions horizontalCentered="1"/>
  <pageMargins left="0" right="0" top="0.19" bottom="0" header="0" footer="0"/>
  <pageSetup paperSize="9" scale="20" orientation="portrait" r:id="rId1"/>
  <headerFooter alignWithMargins="0"/>
  <rowBreaks count="1" manualBreakCount="1">
    <brk id="36" max="16383" man="1"/>
  </rowBreaks>
  <colBreaks count="1" manualBreakCount="1">
    <brk id="6"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379"/>
  <sheetViews>
    <sheetView showGridLines="0" view="pageBreakPreview" zoomScale="25" zoomScaleNormal="25" zoomScaleSheetLayoutView="25" workbookViewId="0">
      <selection activeCell="F13" sqref="F13:F14"/>
    </sheetView>
  </sheetViews>
  <sheetFormatPr defaultColWidth="10.375" defaultRowHeight="25.5"/>
  <cols>
    <col min="1" max="1" width="2.875" style="40" customWidth="1"/>
    <col min="2" max="2" width="18.125" style="42" customWidth="1"/>
    <col min="3" max="3" width="35.875" style="42" customWidth="1"/>
    <col min="4" max="5" width="10.875" style="42" customWidth="1"/>
    <col min="6" max="6" width="88.875" style="43" customWidth="1"/>
    <col min="7" max="7" width="25.875" style="42" customWidth="1"/>
    <col min="8" max="8" width="20.875" style="44" customWidth="1"/>
    <col min="9" max="10" width="20.875" style="40" customWidth="1"/>
    <col min="11" max="11" width="2.875" style="41" customWidth="1"/>
    <col min="12" max="12" width="19.125" style="42" customWidth="1"/>
    <col min="13" max="13" width="35.875" style="42" customWidth="1"/>
    <col min="14" max="15" width="10.875" style="42" customWidth="1"/>
    <col min="16" max="16" width="88.875" style="43" customWidth="1"/>
    <col min="17" max="17" width="25.875" style="42" customWidth="1"/>
    <col min="18" max="18" width="20.875" style="45" customWidth="1"/>
    <col min="19" max="19" width="20.875" style="44" customWidth="1"/>
    <col min="20" max="20" width="20.875" style="40" customWidth="1"/>
    <col min="21" max="21" width="12.125" style="40" customWidth="1"/>
    <col min="22" max="22" width="1.875" style="40" customWidth="1"/>
    <col min="23" max="24" width="12.125" style="40" hidden="1" customWidth="1"/>
    <col min="25" max="16384" width="10.375" style="40"/>
  </cols>
  <sheetData>
    <row r="1" spans="2:24" s="1" customFormat="1" ht="30.6" customHeight="1">
      <c r="P1" s="5"/>
      <c r="Q1" s="2"/>
      <c r="R1" s="6"/>
      <c r="S1" s="3"/>
    </row>
    <row r="2" spans="2:24" s="1" customFormat="1" ht="77.099999999999994" customHeight="1">
      <c r="B2" s="152" t="s">
        <v>98</v>
      </c>
      <c r="C2" s="152"/>
      <c r="D2" s="152"/>
      <c r="E2" s="152"/>
      <c r="F2" s="152"/>
      <c r="G2" s="152"/>
      <c r="H2" s="152"/>
      <c r="I2" s="152"/>
      <c r="J2" s="152"/>
      <c r="K2" s="152"/>
      <c r="L2" s="152"/>
      <c r="M2" s="152"/>
      <c r="N2" s="152"/>
      <c r="O2" s="75"/>
      <c r="P2" s="7"/>
      <c r="Q2" s="8"/>
      <c r="R2" s="6"/>
      <c r="S2" s="9"/>
      <c r="T2" s="9"/>
      <c r="U2" s="10"/>
      <c r="V2" s="10"/>
      <c r="W2" s="10"/>
      <c r="X2" s="10"/>
    </row>
    <row r="3" spans="2:24" s="1" customFormat="1" ht="77.099999999999994" customHeight="1">
      <c r="B3" s="153" t="s">
        <v>412</v>
      </c>
      <c r="C3" s="153"/>
      <c r="D3" s="153"/>
      <c r="E3" s="153"/>
      <c r="F3" s="153"/>
      <c r="G3" s="153"/>
      <c r="H3" s="153"/>
      <c r="I3" s="153"/>
      <c r="J3" s="153"/>
      <c r="K3" s="153"/>
      <c r="L3" s="153"/>
      <c r="M3" s="153"/>
      <c r="N3" s="46"/>
      <c r="O3" s="46"/>
      <c r="P3" s="11"/>
      <c r="Q3" s="8"/>
      <c r="R3" s="6"/>
      <c r="S3" s="12"/>
      <c r="T3" s="13"/>
      <c r="U3" s="13"/>
      <c r="V3" s="13"/>
      <c r="W3" s="13"/>
      <c r="X3" s="13"/>
    </row>
    <row r="4" spans="2:24" s="1" customFormat="1" ht="77.099999999999994" customHeight="1">
      <c r="B4" s="155" t="s">
        <v>258</v>
      </c>
      <c r="C4" s="155"/>
      <c r="D4" s="155"/>
      <c r="E4" s="155"/>
      <c r="F4" s="155"/>
      <c r="G4" s="155"/>
      <c r="H4" s="155"/>
      <c r="I4" s="155"/>
      <c r="J4" s="155"/>
      <c r="K4" s="155"/>
      <c r="L4" s="155"/>
      <c r="M4" s="155"/>
      <c r="N4" s="46"/>
      <c r="O4" s="46"/>
      <c r="P4" s="14"/>
      <c r="Q4" s="15"/>
      <c r="R4" s="16"/>
      <c r="S4" s="17"/>
      <c r="T4" s="17"/>
      <c r="U4" s="17"/>
      <c r="V4" s="17"/>
      <c r="W4" s="17"/>
      <c r="X4" s="17"/>
    </row>
    <row r="5" spans="2:24" s="1" customFormat="1" ht="77.099999999999994" customHeight="1">
      <c r="B5" s="155"/>
      <c r="C5" s="155"/>
      <c r="D5" s="155"/>
      <c r="E5" s="155"/>
      <c r="F5" s="155"/>
      <c r="G5" s="155"/>
      <c r="H5" s="155"/>
      <c r="I5" s="155"/>
      <c r="J5" s="155"/>
      <c r="K5" s="155"/>
      <c r="L5" s="155"/>
      <c r="M5" s="155"/>
      <c r="N5" s="46"/>
      <c r="O5" s="46"/>
      <c r="P5" s="5"/>
      <c r="Q5" s="20"/>
      <c r="R5" s="21"/>
      <c r="S5" s="21"/>
      <c r="T5" s="22"/>
      <c r="U5" s="22"/>
      <c r="V5" s="22"/>
      <c r="W5" s="22"/>
      <c r="X5" s="22"/>
    </row>
    <row r="6" spans="2:24" s="1" customFormat="1" ht="77.099999999999994" customHeight="1">
      <c r="B6" s="155"/>
      <c r="C6" s="155"/>
      <c r="D6" s="155"/>
      <c r="E6" s="155"/>
      <c r="F6" s="155"/>
      <c r="G6" s="155"/>
      <c r="H6" s="155"/>
      <c r="I6" s="155"/>
      <c r="J6" s="155"/>
      <c r="K6" s="155"/>
      <c r="L6" s="155"/>
      <c r="M6" s="155"/>
      <c r="N6" s="46"/>
      <c r="O6" s="46"/>
      <c r="P6" s="5"/>
      <c r="Q6" s="22"/>
      <c r="T6" s="22"/>
      <c r="U6" s="22"/>
      <c r="V6" s="22"/>
      <c r="W6" s="22"/>
      <c r="X6" s="22"/>
    </row>
    <row r="7" spans="2:24" s="1" customFormat="1" ht="77.099999999999994" customHeight="1">
      <c r="B7" s="155"/>
      <c r="C7" s="155"/>
      <c r="D7" s="155"/>
      <c r="E7" s="155"/>
      <c r="F7" s="155"/>
      <c r="G7" s="155"/>
      <c r="H7" s="155"/>
      <c r="I7" s="155"/>
      <c r="J7" s="155"/>
      <c r="K7" s="155"/>
      <c r="L7" s="155"/>
      <c r="M7" s="155"/>
      <c r="N7" s="46"/>
      <c r="O7" s="46"/>
      <c r="P7" s="5"/>
      <c r="Q7" s="22"/>
      <c r="R7" s="21"/>
      <c r="S7" s="22"/>
      <c r="T7" s="22"/>
      <c r="U7" s="22"/>
      <c r="V7" s="22"/>
      <c r="W7" s="22"/>
      <c r="X7" s="22"/>
    </row>
    <row r="8" spans="2:24" s="1" customFormat="1" ht="77.099999999999994" customHeight="1">
      <c r="B8" s="155"/>
      <c r="C8" s="155"/>
      <c r="D8" s="155"/>
      <c r="E8" s="155"/>
      <c r="F8" s="155"/>
      <c r="G8" s="155"/>
      <c r="H8" s="155"/>
      <c r="I8" s="155"/>
      <c r="J8" s="155"/>
      <c r="K8" s="155"/>
      <c r="L8" s="155"/>
      <c r="M8" s="155"/>
      <c r="N8" s="46"/>
      <c r="O8" s="46"/>
      <c r="P8" s="5"/>
      <c r="Q8" s="22"/>
      <c r="R8" s="21"/>
      <c r="S8" s="22"/>
      <c r="T8" s="22"/>
      <c r="U8" s="22"/>
      <c r="V8" s="22"/>
      <c r="W8" s="22"/>
      <c r="X8" s="22"/>
    </row>
    <row r="9" spans="2:24" s="1" customFormat="1" ht="77.099999999999994" customHeight="1">
      <c r="B9" s="159" t="s">
        <v>413</v>
      </c>
      <c r="C9" s="159"/>
      <c r="D9" s="159"/>
      <c r="E9" s="141"/>
      <c r="F9" s="160" t="s">
        <v>414</v>
      </c>
      <c r="G9" s="160"/>
      <c r="H9" s="160"/>
      <c r="I9" s="160"/>
      <c r="J9" s="160"/>
      <c r="K9" s="160"/>
      <c r="L9" s="160"/>
      <c r="M9" s="160"/>
      <c r="N9" s="160"/>
      <c r="O9" s="77"/>
      <c r="P9" s="5"/>
      <c r="Q9" s="22"/>
      <c r="R9" s="21"/>
      <c r="S9" s="22"/>
      <c r="T9" s="22"/>
      <c r="U9" s="22"/>
      <c r="V9" s="22"/>
      <c r="W9" s="22"/>
      <c r="X9" s="22"/>
    </row>
    <row r="10" spans="2:24" s="1" customFormat="1" ht="77.099999999999994" customHeight="1">
      <c r="B10" s="47"/>
      <c r="C10" s="157" t="s">
        <v>19</v>
      </c>
      <c r="D10" s="157"/>
      <c r="E10" s="157"/>
      <c r="F10" s="157"/>
      <c r="G10" s="157"/>
      <c r="H10" s="157"/>
      <c r="I10" s="157"/>
      <c r="J10" s="157"/>
      <c r="K10" s="157"/>
      <c r="L10" s="157"/>
      <c r="M10" s="157"/>
      <c r="N10" s="47"/>
      <c r="O10" s="70"/>
      <c r="P10" s="158" t="s">
        <v>17</v>
      </c>
      <c r="Q10" s="158"/>
      <c r="R10" s="158"/>
      <c r="S10" s="158"/>
      <c r="T10" s="22"/>
      <c r="U10" s="22"/>
      <c r="V10" s="22"/>
      <c r="W10" s="22"/>
      <c r="X10" s="22"/>
    </row>
    <row r="11" spans="2:24" s="1" customFormat="1" ht="77.099999999999994" customHeight="1">
      <c r="G11" s="18"/>
      <c r="H11" s="18"/>
      <c r="I11" s="19"/>
      <c r="K11" s="4"/>
      <c r="P11" s="151" t="s">
        <v>18</v>
      </c>
      <c r="Q11" s="151"/>
      <c r="R11" s="151"/>
      <c r="S11" s="151"/>
      <c r="T11" s="22"/>
      <c r="U11" s="22"/>
      <c r="V11" s="22"/>
      <c r="W11" s="22"/>
      <c r="X11" s="22"/>
    </row>
    <row r="12" spans="2:24" s="28" customFormat="1" ht="81.599999999999994" customHeight="1">
      <c r="B12" s="23" t="s">
        <v>20</v>
      </c>
      <c r="C12" s="23" t="s">
        <v>0</v>
      </c>
      <c r="D12" s="23" t="s">
        <v>21</v>
      </c>
      <c r="E12" s="66" t="s">
        <v>73</v>
      </c>
      <c r="F12" s="24" t="s">
        <v>1</v>
      </c>
      <c r="G12" s="24" t="s">
        <v>2</v>
      </c>
      <c r="H12" s="24" t="s">
        <v>3</v>
      </c>
      <c r="I12" s="24" t="s">
        <v>4</v>
      </c>
      <c r="J12" s="26" t="s">
        <v>5</v>
      </c>
      <c r="K12" s="25"/>
      <c r="L12" s="23" t="s">
        <v>20</v>
      </c>
      <c r="M12" s="23" t="s">
        <v>0</v>
      </c>
      <c r="N12" s="23" t="s">
        <v>21</v>
      </c>
      <c r="O12" s="66" t="s">
        <v>73</v>
      </c>
      <c r="P12" s="24" t="s">
        <v>1</v>
      </c>
      <c r="Q12" s="24" t="s">
        <v>2</v>
      </c>
      <c r="R12" s="24" t="s">
        <v>3</v>
      </c>
      <c r="S12" s="24" t="s">
        <v>4</v>
      </c>
      <c r="T12" s="26" t="s">
        <v>5</v>
      </c>
      <c r="U12" s="27"/>
    </row>
    <row r="13" spans="2:24" s="28" customFormat="1" ht="130.35" customHeight="1">
      <c r="B13" s="78">
        <v>1</v>
      </c>
      <c r="C13" s="127" t="s">
        <v>107</v>
      </c>
      <c r="D13" s="128" t="s">
        <v>415</v>
      </c>
      <c r="E13" s="128"/>
      <c r="F13" s="112" t="s">
        <v>416</v>
      </c>
      <c r="G13" s="132" t="s">
        <v>417</v>
      </c>
      <c r="H13" s="142">
        <v>1180</v>
      </c>
      <c r="I13" s="84"/>
      <c r="J13" s="85"/>
      <c r="K13" s="86"/>
      <c r="L13" s="78">
        <v>26</v>
      </c>
      <c r="M13" s="127" t="s">
        <v>6</v>
      </c>
      <c r="N13" s="128" t="s">
        <v>418</v>
      </c>
      <c r="O13" s="128"/>
      <c r="P13" s="81" t="s">
        <v>419</v>
      </c>
      <c r="Q13" s="143" t="s">
        <v>420</v>
      </c>
      <c r="R13" s="137">
        <v>1400</v>
      </c>
      <c r="S13" s="91"/>
      <c r="T13" s="92"/>
      <c r="U13" s="29"/>
    </row>
    <row r="14" spans="2:24" s="30" customFormat="1" ht="130.35" customHeight="1">
      <c r="B14" s="78">
        <v>2</v>
      </c>
      <c r="C14" s="127" t="s">
        <v>107</v>
      </c>
      <c r="D14" s="128" t="s">
        <v>415</v>
      </c>
      <c r="E14" s="128"/>
      <c r="F14" s="112" t="s">
        <v>421</v>
      </c>
      <c r="G14" s="130" t="s">
        <v>422</v>
      </c>
      <c r="H14" s="137">
        <v>1280</v>
      </c>
      <c r="I14" s="103"/>
      <c r="J14" s="49"/>
      <c r="K14" s="86"/>
      <c r="L14" s="78">
        <v>27</v>
      </c>
      <c r="M14" s="127" t="s">
        <v>6</v>
      </c>
      <c r="N14" s="128" t="s">
        <v>418</v>
      </c>
      <c r="O14" s="93" t="s">
        <v>74</v>
      </c>
      <c r="P14" s="81" t="s">
        <v>423</v>
      </c>
      <c r="Q14" s="143" t="s">
        <v>424</v>
      </c>
      <c r="R14" s="137">
        <v>1500</v>
      </c>
      <c r="S14" s="91"/>
      <c r="T14" s="92"/>
      <c r="U14" s="29"/>
    </row>
    <row r="15" spans="2:24" s="28" customFormat="1" ht="130.35" customHeight="1">
      <c r="B15" s="78">
        <v>3</v>
      </c>
      <c r="C15" s="127" t="s">
        <v>6</v>
      </c>
      <c r="D15" s="128" t="s">
        <v>415</v>
      </c>
      <c r="E15" s="128"/>
      <c r="F15" s="81" t="s">
        <v>425</v>
      </c>
      <c r="G15" s="130" t="s">
        <v>426</v>
      </c>
      <c r="H15" s="137">
        <v>1380</v>
      </c>
      <c r="I15" s="84"/>
      <c r="J15" s="85"/>
      <c r="K15" s="86"/>
      <c r="L15" s="78">
        <v>28</v>
      </c>
      <c r="M15" s="127" t="s">
        <v>6</v>
      </c>
      <c r="N15" s="128" t="s">
        <v>418</v>
      </c>
      <c r="O15" s="128"/>
      <c r="P15" s="112" t="s">
        <v>427</v>
      </c>
      <c r="Q15" s="143" t="s">
        <v>428</v>
      </c>
      <c r="R15" s="137">
        <v>3500</v>
      </c>
      <c r="S15" s="91"/>
      <c r="T15" s="92"/>
      <c r="U15" s="29"/>
    </row>
    <row r="16" spans="2:24" s="28" customFormat="1" ht="130.35" customHeight="1">
      <c r="B16" s="98">
        <v>4</v>
      </c>
      <c r="C16" s="127" t="s">
        <v>7</v>
      </c>
      <c r="D16" s="128" t="s">
        <v>415</v>
      </c>
      <c r="E16" s="128"/>
      <c r="F16" s="112" t="s">
        <v>429</v>
      </c>
      <c r="G16" s="130" t="s">
        <v>430</v>
      </c>
      <c r="H16" s="137">
        <v>1180</v>
      </c>
      <c r="I16" s="84"/>
      <c r="J16" s="85"/>
      <c r="K16" s="86"/>
      <c r="L16" s="78">
        <v>29</v>
      </c>
      <c r="M16" s="127" t="s">
        <v>6</v>
      </c>
      <c r="N16" s="128" t="s">
        <v>418</v>
      </c>
      <c r="O16" s="128"/>
      <c r="P16" s="112" t="s">
        <v>431</v>
      </c>
      <c r="Q16" s="143" t="s">
        <v>432</v>
      </c>
      <c r="R16" s="137">
        <v>2980</v>
      </c>
      <c r="S16" s="103"/>
      <c r="T16" s="109"/>
      <c r="U16" s="29"/>
    </row>
    <row r="17" spans="2:21" s="28" customFormat="1" ht="130.35" customHeight="1">
      <c r="B17" s="78">
        <v>5</v>
      </c>
      <c r="C17" s="127" t="s">
        <v>7</v>
      </c>
      <c r="D17" s="128" t="s">
        <v>415</v>
      </c>
      <c r="E17" s="128"/>
      <c r="F17" s="112" t="s">
        <v>433</v>
      </c>
      <c r="G17" s="130" t="s">
        <v>434</v>
      </c>
      <c r="H17" s="137">
        <v>1800</v>
      </c>
      <c r="I17" s="103"/>
      <c r="J17" s="109"/>
      <c r="K17" s="86"/>
      <c r="L17" s="78">
        <v>30</v>
      </c>
      <c r="M17" s="127" t="s">
        <v>435</v>
      </c>
      <c r="N17" s="128" t="s">
        <v>418</v>
      </c>
      <c r="O17" s="128"/>
      <c r="P17" s="112" t="s">
        <v>436</v>
      </c>
      <c r="Q17" s="143" t="s">
        <v>437</v>
      </c>
      <c r="R17" s="137">
        <v>2200</v>
      </c>
      <c r="S17" s="91"/>
      <c r="T17" s="92"/>
      <c r="U17" s="29"/>
    </row>
    <row r="18" spans="2:21" s="28" customFormat="1" ht="130.35" customHeight="1">
      <c r="B18" s="78">
        <v>6</v>
      </c>
      <c r="C18" s="127" t="s">
        <v>7</v>
      </c>
      <c r="D18" s="128" t="s">
        <v>415</v>
      </c>
      <c r="E18" s="93" t="s">
        <v>74</v>
      </c>
      <c r="F18" s="112" t="s">
        <v>438</v>
      </c>
      <c r="G18" s="130" t="s">
        <v>439</v>
      </c>
      <c r="H18" s="137">
        <v>1800</v>
      </c>
      <c r="I18" s="103"/>
      <c r="J18" s="49"/>
      <c r="K18" s="86"/>
      <c r="L18" s="78">
        <v>31</v>
      </c>
      <c r="M18" s="127" t="s">
        <v>435</v>
      </c>
      <c r="N18" s="128" t="s">
        <v>418</v>
      </c>
      <c r="O18" s="128"/>
      <c r="P18" s="112" t="s">
        <v>440</v>
      </c>
      <c r="Q18" s="143" t="s">
        <v>441</v>
      </c>
      <c r="R18" s="137">
        <v>1850</v>
      </c>
      <c r="S18" s="91"/>
      <c r="T18" s="92"/>
      <c r="U18" s="29"/>
    </row>
    <row r="19" spans="2:21" s="28" customFormat="1" ht="130.35" customHeight="1">
      <c r="B19" s="78">
        <v>7</v>
      </c>
      <c r="C19" s="127" t="s">
        <v>442</v>
      </c>
      <c r="D19" s="128" t="s">
        <v>415</v>
      </c>
      <c r="E19" s="128"/>
      <c r="F19" s="112" t="s">
        <v>443</v>
      </c>
      <c r="G19" s="130" t="s">
        <v>444</v>
      </c>
      <c r="H19" s="137">
        <v>1380</v>
      </c>
      <c r="I19" s="103"/>
      <c r="J19" s="109"/>
      <c r="K19" s="86"/>
      <c r="L19" s="78">
        <v>32</v>
      </c>
      <c r="M19" s="127" t="s">
        <v>445</v>
      </c>
      <c r="N19" s="128" t="s">
        <v>418</v>
      </c>
      <c r="O19" s="128"/>
      <c r="P19" s="112" t="s">
        <v>446</v>
      </c>
      <c r="Q19" s="143" t="s">
        <v>447</v>
      </c>
      <c r="R19" s="137">
        <v>1580</v>
      </c>
      <c r="S19" s="91"/>
      <c r="T19" s="92"/>
      <c r="U19" s="29"/>
    </row>
    <row r="20" spans="2:21" s="28" customFormat="1" ht="130.35" customHeight="1">
      <c r="B20" s="78">
        <v>8</v>
      </c>
      <c r="C20" s="127" t="s">
        <v>145</v>
      </c>
      <c r="D20" s="128" t="s">
        <v>415</v>
      </c>
      <c r="E20" s="93"/>
      <c r="F20" s="81" t="s">
        <v>448</v>
      </c>
      <c r="G20" s="130" t="s">
        <v>449</v>
      </c>
      <c r="H20" s="137">
        <v>980</v>
      </c>
      <c r="I20" s="103"/>
      <c r="J20" s="109"/>
      <c r="K20" s="86"/>
      <c r="L20" s="78">
        <v>33</v>
      </c>
      <c r="M20" s="127" t="s">
        <v>450</v>
      </c>
      <c r="N20" s="128" t="s">
        <v>418</v>
      </c>
      <c r="O20" s="128"/>
      <c r="P20" s="81" t="s">
        <v>451</v>
      </c>
      <c r="Q20" s="143" t="s">
        <v>452</v>
      </c>
      <c r="R20" s="137">
        <v>1980</v>
      </c>
      <c r="S20" s="91"/>
      <c r="T20" s="92"/>
      <c r="U20" s="29"/>
    </row>
    <row r="21" spans="2:21" s="28" customFormat="1" ht="130.35" customHeight="1">
      <c r="B21" s="78">
        <v>9</v>
      </c>
      <c r="C21" s="127" t="s">
        <v>145</v>
      </c>
      <c r="D21" s="128" t="s">
        <v>415</v>
      </c>
      <c r="E21" s="128"/>
      <c r="F21" s="81" t="s">
        <v>453</v>
      </c>
      <c r="G21" s="130" t="s">
        <v>454</v>
      </c>
      <c r="H21" s="137">
        <v>880</v>
      </c>
      <c r="I21" s="103"/>
      <c r="J21" s="109"/>
      <c r="K21" s="86"/>
      <c r="L21" s="78">
        <v>34</v>
      </c>
      <c r="M21" s="127" t="s">
        <v>455</v>
      </c>
      <c r="N21" s="128" t="s">
        <v>418</v>
      </c>
      <c r="O21" s="128"/>
      <c r="P21" s="81" t="s">
        <v>456</v>
      </c>
      <c r="Q21" s="143" t="s">
        <v>457</v>
      </c>
      <c r="R21" s="137">
        <v>1850</v>
      </c>
      <c r="S21" s="91"/>
      <c r="T21" s="92"/>
      <c r="U21" s="29"/>
    </row>
    <row r="22" spans="2:21" s="28" customFormat="1" ht="130.35" customHeight="1">
      <c r="B22" s="78">
        <v>10</v>
      </c>
      <c r="C22" s="127" t="s">
        <v>222</v>
      </c>
      <c r="D22" s="128" t="s">
        <v>415</v>
      </c>
      <c r="E22" s="128"/>
      <c r="F22" s="81" t="s">
        <v>458</v>
      </c>
      <c r="G22" s="130" t="s">
        <v>459</v>
      </c>
      <c r="H22" s="137">
        <v>1280</v>
      </c>
      <c r="I22" s="103"/>
      <c r="J22" s="109"/>
      <c r="K22" s="86"/>
      <c r="L22" s="78">
        <v>35</v>
      </c>
      <c r="M22" s="127" t="s">
        <v>460</v>
      </c>
      <c r="N22" s="128" t="s">
        <v>418</v>
      </c>
      <c r="O22" s="128"/>
      <c r="P22" s="81" t="s">
        <v>461</v>
      </c>
      <c r="Q22" s="143" t="s">
        <v>462</v>
      </c>
      <c r="R22" s="137">
        <v>2200</v>
      </c>
      <c r="S22" s="91"/>
      <c r="T22" s="92"/>
    </row>
    <row r="23" spans="2:21" s="28" customFormat="1" ht="130.35" customHeight="1">
      <c r="B23" s="78">
        <v>11</v>
      </c>
      <c r="C23" s="127" t="s">
        <v>107</v>
      </c>
      <c r="D23" s="128" t="s">
        <v>463</v>
      </c>
      <c r="E23" s="128"/>
      <c r="F23" s="81" t="s">
        <v>464</v>
      </c>
      <c r="G23" s="130" t="s">
        <v>465</v>
      </c>
      <c r="H23" s="137">
        <v>1980</v>
      </c>
      <c r="I23" s="84"/>
      <c r="J23" s="85"/>
      <c r="K23" s="86"/>
      <c r="L23" s="78">
        <v>36</v>
      </c>
      <c r="M23" s="127" t="s">
        <v>466</v>
      </c>
      <c r="N23" s="128" t="s">
        <v>418</v>
      </c>
      <c r="O23" s="128"/>
      <c r="P23" s="81" t="s">
        <v>467</v>
      </c>
      <c r="Q23" s="143" t="s">
        <v>468</v>
      </c>
      <c r="R23" s="137">
        <v>1280</v>
      </c>
      <c r="S23" s="91"/>
      <c r="T23" s="92"/>
      <c r="U23" s="29"/>
    </row>
    <row r="24" spans="2:21" s="28" customFormat="1" ht="130.35" customHeight="1">
      <c r="B24" s="78">
        <v>12</v>
      </c>
      <c r="C24" s="127" t="s">
        <v>304</v>
      </c>
      <c r="D24" s="128" t="s">
        <v>463</v>
      </c>
      <c r="E24" s="128"/>
      <c r="F24" s="81" t="s">
        <v>469</v>
      </c>
      <c r="G24" s="130" t="s">
        <v>470</v>
      </c>
      <c r="H24" s="137">
        <v>1880</v>
      </c>
      <c r="I24" s="84"/>
      <c r="J24" s="85"/>
      <c r="K24" s="86"/>
      <c r="L24" s="78">
        <v>37</v>
      </c>
      <c r="M24" s="127" t="s">
        <v>466</v>
      </c>
      <c r="N24" s="128" t="s">
        <v>418</v>
      </c>
      <c r="O24" s="128"/>
      <c r="P24" s="81" t="s">
        <v>471</v>
      </c>
      <c r="Q24" s="143" t="s">
        <v>472</v>
      </c>
      <c r="R24" s="137">
        <v>1380</v>
      </c>
      <c r="S24" s="91"/>
      <c r="T24" s="92"/>
      <c r="U24" s="29"/>
    </row>
    <row r="25" spans="2:21" s="28" customFormat="1" ht="130.35" customHeight="1">
      <c r="B25" s="78">
        <v>13</v>
      </c>
      <c r="C25" s="127" t="s">
        <v>473</v>
      </c>
      <c r="D25" s="128" t="s">
        <v>463</v>
      </c>
      <c r="E25" s="93"/>
      <c r="F25" s="81" t="s">
        <v>474</v>
      </c>
      <c r="G25" s="130" t="s">
        <v>475</v>
      </c>
      <c r="H25" s="137">
        <v>2200</v>
      </c>
      <c r="I25" s="103"/>
      <c r="J25" s="49"/>
      <c r="K25" s="86"/>
      <c r="L25" s="78">
        <v>38</v>
      </c>
      <c r="M25" s="127" t="s">
        <v>12</v>
      </c>
      <c r="N25" s="128" t="s">
        <v>418</v>
      </c>
      <c r="O25" s="128"/>
      <c r="P25" s="81" t="s">
        <v>476</v>
      </c>
      <c r="Q25" s="143" t="s">
        <v>477</v>
      </c>
      <c r="R25" s="137">
        <v>1580</v>
      </c>
      <c r="S25" s="91"/>
      <c r="T25" s="92"/>
      <c r="U25" s="29"/>
    </row>
    <row r="26" spans="2:21" s="28" customFormat="1" ht="130.35" customHeight="1">
      <c r="B26" s="78">
        <v>14</v>
      </c>
      <c r="C26" s="127" t="s">
        <v>6</v>
      </c>
      <c r="D26" s="128" t="s">
        <v>463</v>
      </c>
      <c r="E26" s="128"/>
      <c r="F26" s="81" t="s">
        <v>478</v>
      </c>
      <c r="G26" s="130" t="s">
        <v>479</v>
      </c>
      <c r="H26" s="137">
        <v>1180</v>
      </c>
      <c r="I26" s="103"/>
      <c r="J26" s="49"/>
      <c r="K26" s="86"/>
      <c r="L26" s="78">
        <v>39</v>
      </c>
      <c r="M26" s="127" t="s">
        <v>480</v>
      </c>
      <c r="N26" s="128" t="s">
        <v>418</v>
      </c>
      <c r="O26" s="128"/>
      <c r="P26" s="81" t="s">
        <v>481</v>
      </c>
      <c r="Q26" s="143" t="s">
        <v>482</v>
      </c>
      <c r="R26" s="137">
        <v>2400</v>
      </c>
      <c r="S26" s="103"/>
      <c r="T26" s="109"/>
      <c r="U26" s="29"/>
    </row>
    <row r="27" spans="2:21" s="28" customFormat="1" ht="130.35" customHeight="1">
      <c r="B27" s="78">
        <v>15</v>
      </c>
      <c r="C27" s="127" t="s">
        <v>6</v>
      </c>
      <c r="D27" s="128" t="s">
        <v>463</v>
      </c>
      <c r="E27" s="128"/>
      <c r="F27" s="81" t="s">
        <v>483</v>
      </c>
      <c r="G27" s="130" t="s">
        <v>484</v>
      </c>
      <c r="H27" s="137">
        <v>1480</v>
      </c>
      <c r="I27" s="103"/>
      <c r="J27" s="49"/>
      <c r="K27" s="86"/>
      <c r="L27" s="78">
        <v>40</v>
      </c>
      <c r="M27" s="127" t="s">
        <v>480</v>
      </c>
      <c r="N27" s="128" t="s">
        <v>418</v>
      </c>
      <c r="O27" s="128"/>
      <c r="P27" s="81" t="s">
        <v>485</v>
      </c>
      <c r="Q27" s="143" t="s">
        <v>486</v>
      </c>
      <c r="R27" s="137">
        <v>2400</v>
      </c>
      <c r="S27" s="103"/>
      <c r="T27" s="109"/>
      <c r="U27" s="29"/>
    </row>
    <row r="28" spans="2:21" s="28" customFormat="1" ht="130.35" customHeight="1">
      <c r="B28" s="78">
        <v>16</v>
      </c>
      <c r="C28" s="127" t="s">
        <v>6</v>
      </c>
      <c r="D28" s="128" t="s">
        <v>463</v>
      </c>
      <c r="E28" s="128"/>
      <c r="F28" s="81" t="s">
        <v>487</v>
      </c>
      <c r="G28" s="130" t="s">
        <v>488</v>
      </c>
      <c r="H28" s="137">
        <v>1850</v>
      </c>
      <c r="I28" s="103"/>
      <c r="J28" s="49"/>
      <c r="K28" s="86"/>
      <c r="L28" s="78">
        <v>41</v>
      </c>
      <c r="M28" s="79"/>
      <c r="N28" s="80"/>
      <c r="O28" s="118"/>
      <c r="P28" s="88"/>
      <c r="Q28" s="120"/>
      <c r="R28" s="117"/>
      <c r="S28" s="91"/>
      <c r="T28" s="92"/>
      <c r="U28" s="29"/>
    </row>
    <row r="29" spans="2:21" s="28" customFormat="1" ht="130.35" customHeight="1">
      <c r="B29" s="78">
        <v>17</v>
      </c>
      <c r="C29" s="127" t="s">
        <v>6</v>
      </c>
      <c r="D29" s="128" t="s">
        <v>463</v>
      </c>
      <c r="E29" s="128"/>
      <c r="F29" s="81" t="s">
        <v>489</v>
      </c>
      <c r="G29" s="130" t="s">
        <v>490</v>
      </c>
      <c r="H29" s="137">
        <v>900</v>
      </c>
      <c r="I29" s="103"/>
      <c r="J29" s="49"/>
      <c r="K29" s="86"/>
      <c r="L29" s="78">
        <v>42</v>
      </c>
      <c r="M29" s="79"/>
      <c r="N29" s="80"/>
      <c r="O29" s="118"/>
      <c r="P29" s="88"/>
      <c r="Q29" s="120"/>
      <c r="R29" s="117"/>
      <c r="S29" s="91"/>
      <c r="T29" s="92"/>
      <c r="U29" s="29"/>
    </row>
    <row r="30" spans="2:21" s="28" customFormat="1" ht="130.35" customHeight="1">
      <c r="B30" s="78">
        <v>18</v>
      </c>
      <c r="C30" s="127" t="s">
        <v>295</v>
      </c>
      <c r="D30" s="128" t="s">
        <v>463</v>
      </c>
      <c r="E30" s="128"/>
      <c r="F30" s="81" t="s">
        <v>491</v>
      </c>
      <c r="G30" s="130" t="s">
        <v>492</v>
      </c>
      <c r="H30" s="137">
        <v>1000</v>
      </c>
      <c r="I30" s="91"/>
      <c r="J30" s="92"/>
      <c r="K30" s="86"/>
      <c r="L30" s="78">
        <v>43</v>
      </c>
      <c r="M30" s="79"/>
      <c r="N30" s="80"/>
      <c r="O30" s="118"/>
      <c r="P30" s="99"/>
      <c r="Q30" s="120"/>
      <c r="R30" s="117"/>
      <c r="S30" s="91"/>
      <c r="T30" s="92"/>
      <c r="U30" s="29"/>
    </row>
    <row r="31" spans="2:21" s="28" customFormat="1" ht="130.35" customHeight="1">
      <c r="B31" s="78">
        <v>19</v>
      </c>
      <c r="C31" s="127" t="s">
        <v>295</v>
      </c>
      <c r="D31" s="128" t="s">
        <v>463</v>
      </c>
      <c r="E31" s="128"/>
      <c r="F31" s="81" t="s">
        <v>493</v>
      </c>
      <c r="G31" s="130" t="s">
        <v>494</v>
      </c>
      <c r="H31" s="137">
        <v>1480</v>
      </c>
      <c r="I31" s="103"/>
      <c r="J31" s="109"/>
      <c r="K31" s="86"/>
      <c r="L31" s="78">
        <v>44</v>
      </c>
      <c r="M31" s="79"/>
      <c r="N31" s="80"/>
      <c r="O31" s="118"/>
      <c r="P31" s="99"/>
      <c r="Q31" s="120"/>
      <c r="R31" s="117"/>
      <c r="S31" s="91"/>
      <c r="T31" s="92"/>
      <c r="U31" s="29"/>
    </row>
    <row r="32" spans="2:21" s="28" customFormat="1" ht="130.35" customHeight="1">
      <c r="B32" s="78">
        <v>20</v>
      </c>
      <c r="C32" s="127" t="s">
        <v>222</v>
      </c>
      <c r="D32" s="128" t="s">
        <v>463</v>
      </c>
      <c r="E32" s="128"/>
      <c r="F32" s="81" t="s">
        <v>495</v>
      </c>
      <c r="G32" s="130" t="s">
        <v>496</v>
      </c>
      <c r="H32" s="137">
        <v>1380</v>
      </c>
      <c r="I32" s="91"/>
      <c r="J32" s="92"/>
      <c r="K32" s="86"/>
      <c r="L32" s="78">
        <v>45</v>
      </c>
      <c r="M32" s="79"/>
      <c r="N32" s="80"/>
      <c r="O32" s="118"/>
      <c r="P32" s="99"/>
      <c r="Q32" s="120"/>
      <c r="R32" s="117"/>
      <c r="S32" s="91"/>
      <c r="T32" s="92"/>
      <c r="U32" s="29"/>
    </row>
    <row r="33" spans="2:24" s="28" customFormat="1" ht="130.35" customHeight="1">
      <c r="B33" s="78">
        <v>21</v>
      </c>
      <c r="C33" s="127" t="s">
        <v>497</v>
      </c>
      <c r="D33" s="128" t="s">
        <v>418</v>
      </c>
      <c r="E33" s="128"/>
      <c r="F33" s="81" t="s">
        <v>498</v>
      </c>
      <c r="G33" s="130" t="s">
        <v>499</v>
      </c>
      <c r="H33" s="137">
        <v>2700</v>
      </c>
      <c r="I33" s="103"/>
      <c r="J33" s="109"/>
      <c r="K33" s="86"/>
      <c r="L33" s="78">
        <v>46</v>
      </c>
      <c r="M33" s="79"/>
      <c r="N33" s="80"/>
      <c r="O33" s="118"/>
      <c r="P33" s="99"/>
      <c r="Q33" s="120"/>
      <c r="R33" s="117"/>
      <c r="S33" s="91"/>
      <c r="T33" s="92"/>
      <c r="U33" s="29"/>
    </row>
    <row r="34" spans="2:24" s="28" customFormat="1" ht="130.35" customHeight="1">
      <c r="B34" s="78">
        <v>22</v>
      </c>
      <c r="C34" s="127" t="s">
        <v>8</v>
      </c>
      <c r="D34" s="128" t="s">
        <v>418</v>
      </c>
      <c r="E34" s="93" t="s">
        <v>74</v>
      </c>
      <c r="F34" s="81" t="s">
        <v>500</v>
      </c>
      <c r="G34" s="130" t="s">
        <v>501</v>
      </c>
      <c r="H34" s="137">
        <v>2600</v>
      </c>
      <c r="I34" s="103"/>
      <c r="J34" s="109"/>
      <c r="K34" s="86"/>
      <c r="L34" s="78">
        <v>47</v>
      </c>
      <c r="M34" s="79"/>
      <c r="N34" s="80"/>
      <c r="O34" s="118"/>
      <c r="P34" s="99"/>
      <c r="Q34" s="120"/>
      <c r="R34" s="117"/>
      <c r="S34" s="91"/>
      <c r="T34" s="92"/>
      <c r="U34" s="29"/>
    </row>
    <row r="35" spans="2:24" s="28" customFormat="1" ht="130.35" customHeight="1">
      <c r="B35" s="78">
        <v>23</v>
      </c>
      <c r="C35" s="127" t="s">
        <v>10</v>
      </c>
      <c r="D35" s="128" t="s">
        <v>418</v>
      </c>
      <c r="E35" s="93"/>
      <c r="F35" s="81" t="s">
        <v>502</v>
      </c>
      <c r="G35" s="130" t="s">
        <v>503</v>
      </c>
      <c r="H35" s="137">
        <v>1850</v>
      </c>
      <c r="I35" s="103"/>
      <c r="J35" s="109"/>
      <c r="K35" s="86"/>
      <c r="L35" s="78">
        <v>48</v>
      </c>
      <c r="M35" s="79"/>
      <c r="N35" s="80"/>
      <c r="O35" s="118"/>
      <c r="P35" s="99"/>
      <c r="Q35" s="120"/>
      <c r="R35" s="117"/>
      <c r="S35" s="91"/>
      <c r="T35" s="92"/>
      <c r="U35" s="29"/>
    </row>
    <row r="36" spans="2:24" s="28" customFormat="1" ht="130.35" customHeight="1">
      <c r="B36" s="78">
        <v>24</v>
      </c>
      <c r="C36" s="127" t="s">
        <v>10</v>
      </c>
      <c r="D36" s="128" t="s">
        <v>418</v>
      </c>
      <c r="E36" s="93"/>
      <c r="F36" s="144" t="s">
        <v>504</v>
      </c>
      <c r="G36" s="130" t="s">
        <v>505</v>
      </c>
      <c r="H36" s="137">
        <v>2300</v>
      </c>
      <c r="I36" s="103"/>
      <c r="J36" s="109"/>
      <c r="K36" s="86"/>
      <c r="L36" s="78">
        <v>49</v>
      </c>
      <c r="M36" s="79"/>
      <c r="N36" s="80"/>
      <c r="O36" s="118"/>
      <c r="P36" s="99"/>
      <c r="Q36" s="120"/>
      <c r="R36" s="117"/>
      <c r="S36" s="91"/>
      <c r="T36" s="92"/>
      <c r="U36" s="29"/>
    </row>
    <row r="37" spans="2:24" s="28" customFormat="1" ht="130.35" customHeight="1">
      <c r="B37" s="78">
        <v>25</v>
      </c>
      <c r="C37" s="127" t="s">
        <v>506</v>
      </c>
      <c r="D37" s="128" t="s">
        <v>418</v>
      </c>
      <c r="E37" s="128"/>
      <c r="F37" s="81" t="s">
        <v>507</v>
      </c>
      <c r="G37" s="130" t="s">
        <v>508</v>
      </c>
      <c r="H37" s="137">
        <v>1800</v>
      </c>
      <c r="I37" s="91"/>
      <c r="J37" s="92"/>
      <c r="K37" s="86"/>
      <c r="L37" s="78">
        <v>50</v>
      </c>
      <c r="M37" s="79"/>
      <c r="N37" s="80"/>
      <c r="O37" s="118"/>
      <c r="P37" s="99"/>
      <c r="Q37" s="120"/>
      <c r="R37" s="117"/>
      <c r="S37" s="91"/>
      <c r="T37" s="92"/>
      <c r="U37" s="29"/>
    </row>
    <row r="38" spans="2:24" s="35" customFormat="1" ht="96.6" customHeight="1">
      <c r="B38" s="31"/>
      <c r="E38" s="69"/>
      <c r="K38" s="17"/>
      <c r="L38" s="31"/>
      <c r="M38" s="31"/>
      <c r="N38" s="31"/>
      <c r="O38" s="31"/>
      <c r="P38" s="31"/>
      <c r="Q38" s="31"/>
      <c r="R38" s="31"/>
      <c r="S38" s="1"/>
      <c r="T38" s="31"/>
      <c r="U38" s="34"/>
    </row>
    <row r="39" spans="2:24" s="35" customFormat="1" ht="30.6" customHeight="1">
      <c r="B39" s="31"/>
      <c r="C39" s="31"/>
      <c r="D39" s="31"/>
      <c r="E39" s="1"/>
      <c r="F39" s="31"/>
      <c r="G39" s="31"/>
      <c r="H39" s="32"/>
      <c r="I39" s="32"/>
      <c r="J39" s="32"/>
      <c r="K39" s="17"/>
      <c r="L39" s="1"/>
      <c r="M39" s="1"/>
      <c r="N39" s="1"/>
      <c r="O39" s="1"/>
      <c r="P39" s="3"/>
      <c r="Q39" s="1"/>
      <c r="R39" s="33"/>
      <c r="S39" s="1"/>
      <c r="T39" s="36"/>
      <c r="U39" s="37"/>
      <c r="V39" s="38"/>
      <c r="W39" s="38"/>
      <c r="X39" s="38"/>
    </row>
    <row r="40" spans="2:24" s="1" customFormat="1" ht="48.95" customHeight="1">
      <c r="E40" s="42"/>
      <c r="I40" s="32"/>
      <c r="J40" s="32"/>
      <c r="K40" s="39"/>
      <c r="L40" s="40"/>
      <c r="M40" s="42"/>
      <c r="N40" s="42"/>
      <c r="O40" s="42"/>
      <c r="P40" s="43"/>
      <c r="Q40" s="42"/>
      <c r="R40" s="45"/>
      <c r="T40" s="34"/>
      <c r="U40" s="34"/>
      <c r="V40" s="34"/>
      <c r="W40" s="34"/>
      <c r="X40" s="34"/>
    </row>
    <row r="41" spans="2:24" ht="13.5">
      <c r="B41" s="40"/>
      <c r="C41" s="40"/>
      <c r="D41" s="40"/>
      <c r="E41" s="40"/>
      <c r="F41" s="40"/>
      <c r="G41" s="40"/>
      <c r="H41" s="40"/>
      <c r="L41" s="40"/>
      <c r="M41" s="40"/>
      <c r="N41" s="40"/>
      <c r="O41" s="40"/>
      <c r="P41" s="40"/>
      <c r="Q41" s="40"/>
      <c r="R41" s="40"/>
      <c r="S41" s="40"/>
    </row>
    <row r="42" spans="2:24" ht="13.5">
      <c r="B42" s="40"/>
      <c r="C42" s="40"/>
      <c r="D42" s="40"/>
      <c r="E42" s="40"/>
      <c r="F42" s="40"/>
      <c r="G42" s="40"/>
      <c r="H42" s="40"/>
      <c r="L42" s="40"/>
      <c r="M42" s="40"/>
      <c r="N42" s="40"/>
      <c r="O42" s="40"/>
      <c r="P42" s="40"/>
      <c r="Q42" s="40"/>
      <c r="R42" s="40"/>
      <c r="S42" s="40"/>
    </row>
    <row r="43" spans="2:24" ht="13.5">
      <c r="B43" s="40"/>
      <c r="C43" s="40"/>
      <c r="D43" s="40"/>
      <c r="E43" s="40"/>
      <c r="F43" s="40"/>
      <c r="G43" s="40"/>
      <c r="H43" s="40"/>
      <c r="L43" s="40"/>
      <c r="M43" s="40"/>
      <c r="N43" s="40"/>
      <c r="O43" s="40"/>
      <c r="P43" s="40"/>
      <c r="Q43" s="40"/>
      <c r="R43" s="40"/>
      <c r="S43" s="40"/>
    </row>
    <row r="44" spans="2:24" ht="13.5">
      <c r="B44" s="40"/>
      <c r="C44" s="40"/>
      <c r="D44" s="40"/>
      <c r="E44" s="40"/>
      <c r="F44" s="40"/>
      <c r="G44" s="40"/>
      <c r="H44" s="40"/>
      <c r="L44" s="40"/>
      <c r="M44" s="40"/>
      <c r="N44" s="40"/>
      <c r="O44" s="40"/>
      <c r="P44" s="40"/>
      <c r="Q44" s="40"/>
      <c r="R44" s="40"/>
      <c r="S44" s="40"/>
    </row>
    <row r="45" spans="2:24" ht="13.5">
      <c r="B45" s="40"/>
      <c r="C45" s="40"/>
      <c r="D45" s="40"/>
      <c r="E45" s="40"/>
      <c r="F45" s="40"/>
      <c r="G45" s="40"/>
      <c r="H45" s="40"/>
      <c r="L45" s="40"/>
      <c r="M45" s="40"/>
      <c r="N45" s="40"/>
      <c r="O45" s="40"/>
      <c r="P45" s="40"/>
      <c r="Q45" s="40"/>
      <c r="R45" s="40"/>
      <c r="S45" s="40"/>
    </row>
    <row r="46" spans="2:24" ht="13.5">
      <c r="B46" s="40"/>
      <c r="C46" s="40"/>
      <c r="D46" s="40"/>
      <c r="E46" s="40"/>
      <c r="F46" s="40"/>
      <c r="G46" s="40"/>
      <c r="H46" s="40"/>
      <c r="L46" s="40"/>
      <c r="M46" s="40"/>
      <c r="N46" s="40"/>
      <c r="O46" s="40"/>
      <c r="P46" s="40"/>
      <c r="Q46" s="40"/>
      <c r="R46" s="40"/>
      <c r="S46" s="40"/>
    </row>
    <row r="47" spans="2:24" ht="13.5">
      <c r="B47" s="40"/>
      <c r="C47" s="40"/>
      <c r="D47" s="40"/>
      <c r="E47" s="40"/>
      <c r="F47" s="40"/>
      <c r="G47" s="40"/>
      <c r="H47" s="40"/>
      <c r="L47" s="40"/>
      <c r="M47" s="40"/>
      <c r="N47" s="40"/>
      <c r="O47" s="40"/>
      <c r="P47" s="40"/>
      <c r="Q47" s="40"/>
      <c r="R47" s="40"/>
      <c r="S47" s="40"/>
    </row>
    <row r="48" spans="2:24" ht="13.5">
      <c r="B48" s="40"/>
      <c r="C48" s="40"/>
      <c r="D48" s="40"/>
      <c r="E48" s="40"/>
      <c r="F48" s="40"/>
      <c r="G48" s="40"/>
      <c r="H48" s="40"/>
      <c r="L48" s="40"/>
      <c r="M48" s="40"/>
      <c r="N48" s="40"/>
      <c r="O48" s="40"/>
      <c r="P48" s="40"/>
      <c r="Q48" s="40"/>
      <c r="R48" s="40"/>
      <c r="S48" s="40"/>
    </row>
    <row r="49" spans="2:19" ht="13.5">
      <c r="B49" s="40"/>
      <c r="C49" s="40"/>
      <c r="D49" s="40"/>
      <c r="E49" s="40"/>
      <c r="F49" s="40"/>
      <c r="G49" s="40"/>
      <c r="H49" s="40"/>
      <c r="L49" s="40"/>
      <c r="M49" s="40"/>
      <c r="N49" s="40"/>
      <c r="O49" s="40"/>
      <c r="P49" s="40"/>
      <c r="Q49" s="40"/>
      <c r="R49" s="40"/>
      <c r="S49" s="40"/>
    </row>
    <row r="50" spans="2:19" ht="13.5">
      <c r="B50" s="40"/>
      <c r="C50" s="40"/>
      <c r="D50" s="40"/>
      <c r="E50" s="40"/>
      <c r="F50" s="40"/>
      <c r="G50" s="40"/>
      <c r="H50" s="40"/>
      <c r="L50" s="40"/>
      <c r="M50" s="40"/>
      <c r="N50" s="40"/>
      <c r="O50" s="40"/>
      <c r="P50" s="40"/>
      <c r="Q50" s="40"/>
      <c r="R50" s="40"/>
      <c r="S50" s="40"/>
    </row>
    <row r="51" spans="2:19" ht="13.5">
      <c r="B51" s="40"/>
      <c r="C51" s="40"/>
      <c r="D51" s="40"/>
      <c r="E51" s="40"/>
      <c r="F51" s="40"/>
      <c r="G51" s="40"/>
      <c r="H51" s="40"/>
      <c r="L51" s="40"/>
      <c r="M51" s="40"/>
      <c r="N51" s="40"/>
      <c r="O51" s="40"/>
      <c r="P51" s="40"/>
      <c r="Q51" s="40"/>
      <c r="R51" s="40"/>
      <c r="S51" s="40"/>
    </row>
    <row r="52" spans="2:19" ht="13.5">
      <c r="B52" s="40"/>
      <c r="C52" s="40"/>
      <c r="D52" s="40"/>
      <c r="E52" s="40"/>
      <c r="F52" s="40"/>
      <c r="G52" s="40"/>
      <c r="H52" s="40"/>
      <c r="L52" s="40"/>
      <c r="M52" s="40"/>
      <c r="N52" s="40"/>
      <c r="O52" s="40"/>
      <c r="P52" s="40"/>
      <c r="Q52" s="40"/>
      <c r="R52" s="40"/>
      <c r="S52" s="40"/>
    </row>
    <row r="53" spans="2:19" ht="13.5">
      <c r="B53" s="40"/>
      <c r="C53" s="40"/>
      <c r="D53" s="40"/>
      <c r="E53" s="40"/>
      <c r="F53" s="40"/>
      <c r="G53" s="40"/>
      <c r="H53" s="40"/>
      <c r="L53" s="40"/>
      <c r="M53" s="40"/>
      <c r="N53" s="40"/>
      <c r="O53" s="40"/>
      <c r="P53" s="40"/>
      <c r="Q53" s="40"/>
      <c r="R53" s="40"/>
      <c r="S53" s="40"/>
    </row>
    <row r="54" spans="2:19" ht="54.95" customHeight="1">
      <c r="B54" s="40"/>
      <c r="C54" s="40"/>
      <c r="D54" s="40"/>
      <c r="E54" s="40"/>
      <c r="F54" s="40"/>
      <c r="G54" s="40"/>
      <c r="H54" s="40"/>
      <c r="L54" s="40"/>
      <c r="M54" s="40"/>
      <c r="N54" s="40"/>
      <c r="O54" s="40"/>
      <c r="P54" s="40"/>
      <c r="Q54" s="40"/>
      <c r="R54" s="40"/>
      <c r="S54" s="40"/>
    </row>
    <row r="55" spans="2:19" ht="13.5">
      <c r="B55" s="40"/>
      <c r="C55" s="40"/>
      <c r="D55" s="40"/>
      <c r="E55" s="40"/>
      <c r="F55" s="40"/>
      <c r="G55" s="40"/>
      <c r="H55" s="40"/>
      <c r="L55" s="40"/>
      <c r="M55" s="40"/>
      <c r="N55" s="40"/>
      <c r="O55" s="40"/>
      <c r="P55" s="40"/>
      <c r="Q55" s="40"/>
      <c r="R55" s="40"/>
      <c r="S55" s="40"/>
    </row>
    <row r="56" spans="2:19" ht="13.5">
      <c r="B56" s="40"/>
      <c r="C56" s="40"/>
      <c r="D56" s="40"/>
      <c r="E56" s="40"/>
      <c r="F56" s="40"/>
      <c r="G56" s="40"/>
      <c r="H56" s="40"/>
      <c r="L56" s="40"/>
      <c r="M56" s="40"/>
      <c r="N56" s="40"/>
      <c r="O56" s="40"/>
      <c r="P56" s="40"/>
      <c r="Q56" s="40"/>
      <c r="R56" s="40"/>
      <c r="S56" s="40"/>
    </row>
    <row r="57" spans="2:19" ht="13.5">
      <c r="B57" s="40"/>
      <c r="C57" s="40"/>
      <c r="D57" s="40"/>
      <c r="E57" s="40"/>
      <c r="F57" s="40"/>
      <c r="G57" s="40"/>
      <c r="H57" s="40"/>
      <c r="L57" s="40"/>
      <c r="M57" s="40"/>
      <c r="N57" s="40"/>
      <c r="O57" s="40"/>
      <c r="P57" s="40"/>
      <c r="Q57" s="40"/>
      <c r="R57" s="40"/>
      <c r="S57" s="40"/>
    </row>
    <row r="58" spans="2:19" ht="13.5">
      <c r="B58" s="40"/>
      <c r="C58" s="40"/>
      <c r="D58" s="40"/>
      <c r="E58" s="40"/>
      <c r="F58" s="40"/>
      <c r="G58" s="40"/>
      <c r="H58" s="40"/>
      <c r="L58" s="40"/>
      <c r="M58" s="40"/>
      <c r="N58" s="40"/>
      <c r="O58" s="40"/>
      <c r="P58" s="40"/>
      <c r="Q58" s="40"/>
      <c r="R58" s="40"/>
      <c r="S58" s="40"/>
    </row>
    <row r="59" spans="2:19" ht="13.5">
      <c r="B59" s="40"/>
      <c r="C59" s="40"/>
      <c r="D59" s="40"/>
      <c r="E59" s="40"/>
      <c r="F59" s="40"/>
      <c r="G59" s="40"/>
      <c r="H59" s="40"/>
      <c r="L59" s="40"/>
      <c r="M59" s="40"/>
      <c r="N59" s="40"/>
      <c r="O59" s="40"/>
      <c r="P59" s="40"/>
      <c r="Q59" s="40"/>
      <c r="R59" s="40"/>
      <c r="S59" s="40"/>
    </row>
    <row r="60" spans="2:19" ht="13.5">
      <c r="B60" s="40"/>
      <c r="C60" s="40"/>
      <c r="D60" s="40"/>
      <c r="E60" s="40"/>
      <c r="F60" s="40"/>
      <c r="G60" s="40"/>
      <c r="H60" s="40"/>
      <c r="L60" s="40"/>
      <c r="M60" s="40"/>
      <c r="N60" s="40"/>
      <c r="O60" s="40"/>
      <c r="P60" s="40"/>
      <c r="Q60" s="40"/>
      <c r="R60" s="40"/>
      <c r="S60" s="40"/>
    </row>
    <row r="61" spans="2:19" ht="13.5">
      <c r="B61" s="40"/>
      <c r="C61" s="40"/>
      <c r="D61" s="40"/>
      <c r="E61" s="40"/>
      <c r="F61" s="40"/>
      <c r="G61" s="40"/>
      <c r="H61" s="40"/>
      <c r="L61" s="40"/>
      <c r="M61" s="40"/>
      <c r="N61" s="40"/>
      <c r="O61" s="40"/>
      <c r="P61" s="40"/>
      <c r="Q61" s="40"/>
      <c r="R61" s="40"/>
      <c r="S61" s="40"/>
    </row>
    <row r="62" spans="2:19" ht="13.5">
      <c r="B62" s="40"/>
      <c r="C62" s="40"/>
      <c r="D62" s="40"/>
      <c r="E62" s="40"/>
      <c r="F62" s="40"/>
      <c r="G62" s="40"/>
      <c r="H62" s="40"/>
      <c r="L62" s="40"/>
      <c r="M62" s="40"/>
      <c r="N62" s="40"/>
      <c r="O62" s="40"/>
      <c r="P62" s="40"/>
      <c r="Q62" s="40"/>
      <c r="R62" s="40"/>
      <c r="S62" s="40"/>
    </row>
    <row r="63" spans="2:19" ht="13.5">
      <c r="B63" s="40"/>
      <c r="C63" s="40"/>
      <c r="D63" s="40"/>
      <c r="E63" s="40"/>
      <c r="F63" s="40"/>
      <c r="G63" s="40"/>
      <c r="H63" s="40"/>
      <c r="L63" s="40"/>
      <c r="M63" s="40"/>
      <c r="N63" s="40"/>
      <c r="O63" s="40"/>
      <c r="P63" s="40"/>
      <c r="Q63" s="40"/>
      <c r="R63" s="40"/>
      <c r="S63" s="40"/>
    </row>
    <row r="64" spans="2:19" ht="13.5">
      <c r="B64" s="40"/>
      <c r="C64" s="40"/>
      <c r="D64" s="40"/>
      <c r="E64" s="40"/>
      <c r="F64" s="40"/>
      <c r="G64" s="40"/>
      <c r="H64" s="40"/>
      <c r="L64" s="40"/>
      <c r="M64" s="40"/>
      <c r="N64" s="40"/>
      <c r="O64" s="40"/>
      <c r="P64" s="40"/>
      <c r="Q64" s="40"/>
      <c r="R64" s="40"/>
      <c r="S64" s="40"/>
    </row>
    <row r="65" spans="2:19" ht="13.5">
      <c r="B65" s="40"/>
      <c r="C65" s="40"/>
      <c r="D65" s="40"/>
      <c r="E65" s="40"/>
      <c r="F65" s="40"/>
      <c r="G65" s="40"/>
      <c r="H65" s="40"/>
      <c r="L65" s="40"/>
      <c r="M65" s="40"/>
      <c r="N65" s="40"/>
      <c r="O65" s="40"/>
      <c r="P65" s="40"/>
      <c r="Q65" s="40"/>
      <c r="R65" s="40"/>
      <c r="S65" s="40"/>
    </row>
    <row r="66" spans="2:19" ht="13.5">
      <c r="B66" s="40"/>
      <c r="C66" s="40"/>
      <c r="D66" s="40"/>
      <c r="E66" s="40"/>
      <c r="F66" s="40"/>
      <c r="G66" s="40"/>
      <c r="H66" s="40"/>
      <c r="L66" s="40"/>
      <c r="M66" s="40"/>
      <c r="N66" s="40"/>
      <c r="O66" s="40"/>
      <c r="P66" s="40"/>
      <c r="Q66" s="40"/>
      <c r="R66" s="40"/>
      <c r="S66" s="40"/>
    </row>
    <row r="67" spans="2:19" ht="13.5">
      <c r="B67" s="40"/>
      <c r="C67" s="40"/>
      <c r="D67" s="40"/>
      <c r="E67" s="40"/>
      <c r="F67" s="40"/>
      <c r="G67" s="40"/>
      <c r="H67" s="40"/>
      <c r="L67" s="40"/>
      <c r="M67" s="40"/>
      <c r="N67" s="40"/>
      <c r="O67" s="40"/>
      <c r="P67" s="40"/>
      <c r="Q67" s="40"/>
      <c r="R67" s="40"/>
      <c r="S67" s="40"/>
    </row>
    <row r="68" spans="2:19" ht="13.5">
      <c r="B68" s="40"/>
      <c r="C68" s="40"/>
      <c r="D68" s="40"/>
      <c r="E68" s="40"/>
      <c r="F68" s="40"/>
      <c r="G68" s="40"/>
      <c r="H68" s="40"/>
      <c r="L68" s="40"/>
      <c r="M68" s="40"/>
      <c r="N68" s="40"/>
      <c r="O68" s="40"/>
      <c r="P68" s="40"/>
      <c r="Q68" s="40"/>
      <c r="R68" s="40"/>
      <c r="S68" s="40"/>
    </row>
    <row r="69" spans="2:19" ht="13.5">
      <c r="B69" s="40"/>
      <c r="C69" s="40"/>
      <c r="D69" s="40"/>
      <c r="E69" s="40"/>
      <c r="F69" s="40"/>
      <c r="G69" s="40"/>
      <c r="H69" s="40"/>
      <c r="L69" s="40"/>
      <c r="M69" s="40"/>
      <c r="N69" s="40"/>
      <c r="O69" s="40"/>
      <c r="P69" s="40"/>
      <c r="Q69" s="40"/>
      <c r="R69" s="40"/>
      <c r="S69" s="40"/>
    </row>
    <row r="70" spans="2:19" ht="13.5">
      <c r="B70" s="40"/>
      <c r="C70" s="40"/>
      <c r="D70" s="40"/>
      <c r="E70" s="40"/>
      <c r="F70" s="40"/>
      <c r="G70" s="40"/>
      <c r="H70" s="40"/>
      <c r="L70" s="40"/>
      <c r="M70" s="40"/>
      <c r="N70" s="40"/>
      <c r="O70" s="40"/>
      <c r="P70" s="40"/>
      <c r="Q70" s="40"/>
      <c r="R70" s="40"/>
      <c r="S70" s="40"/>
    </row>
    <row r="71" spans="2:19" ht="13.5">
      <c r="B71" s="40"/>
      <c r="C71" s="40"/>
      <c r="D71" s="40"/>
      <c r="E71" s="40"/>
      <c r="F71" s="40"/>
      <c r="G71" s="40"/>
      <c r="H71" s="40"/>
      <c r="L71" s="40"/>
      <c r="M71" s="40"/>
      <c r="N71" s="40"/>
      <c r="O71" s="40"/>
      <c r="P71" s="40"/>
      <c r="Q71" s="40"/>
      <c r="R71" s="40"/>
      <c r="S71" s="40"/>
    </row>
    <row r="72" spans="2:19" ht="13.5">
      <c r="B72" s="40"/>
      <c r="C72" s="40"/>
      <c r="D72" s="40"/>
      <c r="E72" s="40"/>
      <c r="F72" s="40"/>
      <c r="G72" s="40"/>
      <c r="H72" s="40"/>
      <c r="L72" s="40"/>
      <c r="M72" s="40"/>
      <c r="N72" s="40"/>
      <c r="O72" s="40"/>
      <c r="P72" s="40"/>
      <c r="Q72" s="40"/>
      <c r="R72" s="40"/>
      <c r="S72" s="40"/>
    </row>
    <row r="73" spans="2:19" ht="13.5">
      <c r="B73" s="40"/>
      <c r="C73" s="40"/>
      <c r="D73" s="40"/>
      <c r="E73" s="40"/>
      <c r="F73" s="40"/>
      <c r="G73" s="40"/>
      <c r="H73" s="40"/>
      <c r="L73" s="40"/>
      <c r="M73" s="40"/>
      <c r="N73" s="40"/>
      <c r="O73" s="40"/>
      <c r="P73" s="40"/>
      <c r="Q73" s="40"/>
      <c r="R73" s="40"/>
      <c r="S73" s="40"/>
    </row>
    <row r="74" spans="2:19" ht="13.5">
      <c r="B74" s="40"/>
      <c r="C74" s="40"/>
      <c r="D74" s="40"/>
      <c r="E74" s="40"/>
      <c r="F74" s="40"/>
      <c r="G74" s="40"/>
      <c r="H74" s="40"/>
      <c r="L74" s="40"/>
      <c r="M74" s="40"/>
      <c r="N74" s="40"/>
      <c r="O74" s="40"/>
      <c r="P74" s="40"/>
      <c r="Q74" s="40"/>
      <c r="R74" s="40"/>
      <c r="S74" s="40"/>
    </row>
    <row r="75" spans="2:19" ht="13.5">
      <c r="B75" s="40"/>
      <c r="C75" s="40"/>
      <c r="D75" s="40"/>
      <c r="E75" s="40"/>
      <c r="F75" s="40"/>
      <c r="G75" s="40"/>
      <c r="H75" s="40"/>
      <c r="L75" s="40"/>
      <c r="M75" s="40"/>
      <c r="N75" s="40"/>
      <c r="O75" s="40"/>
      <c r="P75" s="40"/>
      <c r="Q75" s="40"/>
      <c r="R75" s="40"/>
      <c r="S75" s="40"/>
    </row>
    <row r="76" spans="2:19" ht="13.5">
      <c r="B76" s="40"/>
      <c r="C76" s="40"/>
      <c r="D76" s="40"/>
      <c r="E76" s="40"/>
      <c r="F76" s="40"/>
      <c r="G76" s="40"/>
      <c r="H76" s="40"/>
      <c r="L76" s="40"/>
      <c r="M76" s="40"/>
      <c r="N76" s="40"/>
      <c r="O76" s="40"/>
      <c r="P76" s="40"/>
      <c r="Q76" s="40"/>
      <c r="R76" s="40"/>
      <c r="S76" s="40"/>
    </row>
    <row r="77" spans="2:19" ht="13.5">
      <c r="B77" s="40"/>
      <c r="C77" s="40"/>
      <c r="D77" s="40"/>
      <c r="E77" s="40"/>
      <c r="F77" s="40"/>
      <c r="G77" s="40"/>
      <c r="H77" s="40"/>
      <c r="L77" s="40"/>
      <c r="M77" s="40"/>
      <c r="N77" s="40"/>
      <c r="O77" s="40"/>
      <c r="P77" s="40"/>
      <c r="Q77" s="40"/>
      <c r="R77" s="40"/>
      <c r="S77" s="40"/>
    </row>
    <row r="78" spans="2:19" ht="13.5">
      <c r="B78" s="40"/>
      <c r="C78" s="40"/>
      <c r="D78" s="40"/>
      <c r="E78" s="40"/>
      <c r="F78" s="40"/>
      <c r="G78" s="40"/>
      <c r="H78" s="40"/>
      <c r="L78" s="40"/>
      <c r="M78" s="40"/>
      <c r="N78" s="40"/>
      <c r="O78" s="40"/>
      <c r="P78" s="40"/>
      <c r="Q78" s="40"/>
      <c r="R78" s="40"/>
      <c r="S78" s="40"/>
    </row>
    <row r="79" spans="2:19" ht="13.5">
      <c r="B79" s="40"/>
      <c r="C79" s="40"/>
      <c r="D79" s="40"/>
      <c r="E79" s="40"/>
      <c r="F79" s="40"/>
      <c r="G79" s="40"/>
      <c r="H79" s="40"/>
      <c r="L79" s="40"/>
      <c r="M79" s="40"/>
      <c r="N79" s="40"/>
      <c r="O79" s="40"/>
      <c r="P79" s="40"/>
      <c r="Q79" s="40"/>
      <c r="R79" s="40"/>
      <c r="S79" s="40"/>
    </row>
    <row r="80" spans="2:19" ht="13.5">
      <c r="B80" s="40"/>
      <c r="C80" s="40"/>
      <c r="D80" s="40"/>
      <c r="E80" s="40"/>
      <c r="F80" s="40"/>
      <c r="G80" s="40"/>
      <c r="H80" s="40"/>
      <c r="L80" s="40"/>
      <c r="M80" s="40"/>
      <c r="N80" s="40"/>
      <c r="O80" s="40"/>
      <c r="P80" s="40"/>
      <c r="Q80" s="40"/>
      <c r="R80" s="40"/>
      <c r="S80" s="40"/>
    </row>
    <row r="81" spans="2:19" ht="13.5">
      <c r="B81" s="40"/>
      <c r="C81" s="40"/>
      <c r="D81" s="40"/>
      <c r="E81" s="40"/>
      <c r="F81" s="40"/>
      <c r="G81" s="40"/>
      <c r="H81" s="40"/>
      <c r="L81" s="40"/>
      <c r="M81" s="40"/>
      <c r="N81" s="40"/>
      <c r="O81" s="40"/>
      <c r="P81" s="40"/>
      <c r="Q81" s="40"/>
      <c r="R81" s="40"/>
      <c r="S81" s="40"/>
    </row>
    <row r="82" spans="2:19" ht="13.5">
      <c r="B82" s="40"/>
      <c r="C82" s="40"/>
      <c r="D82" s="40"/>
      <c r="E82" s="40"/>
      <c r="F82" s="40"/>
      <c r="G82" s="40"/>
      <c r="H82" s="40"/>
      <c r="L82" s="40"/>
      <c r="M82" s="40"/>
      <c r="N82" s="40"/>
      <c r="O82" s="40"/>
      <c r="P82" s="40"/>
      <c r="Q82" s="40"/>
      <c r="R82" s="40"/>
      <c r="S82" s="40"/>
    </row>
    <row r="83" spans="2:19" ht="13.5">
      <c r="B83" s="40"/>
      <c r="C83" s="40"/>
      <c r="D83" s="40"/>
      <c r="E83" s="40"/>
      <c r="F83" s="40"/>
      <c r="G83" s="40"/>
      <c r="H83" s="40"/>
      <c r="L83" s="40"/>
      <c r="M83" s="40"/>
      <c r="N83" s="40"/>
      <c r="O83" s="40"/>
      <c r="P83" s="40"/>
      <c r="Q83" s="40"/>
      <c r="R83" s="40"/>
      <c r="S83" s="40"/>
    </row>
    <row r="84" spans="2:19" ht="13.5">
      <c r="B84" s="40"/>
      <c r="C84" s="40"/>
      <c r="D84" s="40"/>
      <c r="E84" s="40"/>
      <c r="F84" s="40"/>
      <c r="G84" s="40"/>
      <c r="H84" s="40"/>
      <c r="L84" s="40"/>
      <c r="M84" s="40"/>
      <c r="N84" s="40"/>
      <c r="O84" s="40"/>
      <c r="P84" s="40"/>
      <c r="Q84" s="40"/>
      <c r="R84" s="40"/>
      <c r="S84" s="40"/>
    </row>
    <row r="85" spans="2:19" ht="13.5">
      <c r="B85" s="40"/>
      <c r="C85" s="40"/>
      <c r="D85" s="40"/>
      <c r="E85" s="40"/>
      <c r="F85" s="40"/>
      <c r="G85" s="40"/>
      <c r="H85" s="40"/>
      <c r="L85" s="40"/>
      <c r="M85" s="40"/>
      <c r="N85" s="40"/>
      <c r="O85" s="40"/>
      <c r="P85" s="40"/>
      <c r="Q85" s="40"/>
      <c r="R85" s="40"/>
      <c r="S85" s="40"/>
    </row>
    <row r="86" spans="2:19" ht="13.5">
      <c r="B86" s="40"/>
      <c r="C86" s="40"/>
      <c r="D86" s="40"/>
      <c r="E86" s="40"/>
      <c r="F86" s="40"/>
      <c r="G86" s="40"/>
      <c r="H86" s="40"/>
      <c r="L86" s="40"/>
      <c r="M86" s="40"/>
      <c r="N86" s="40"/>
      <c r="O86" s="40"/>
      <c r="P86" s="40"/>
      <c r="Q86" s="40"/>
      <c r="R86" s="40"/>
      <c r="S86" s="40"/>
    </row>
    <row r="87" spans="2:19" ht="13.5">
      <c r="B87" s="40"/>
      <c r="C87" s="40"/>
      <c r="D87" s="40"/>
      <c r="E87" s="40"/>
      <c r="F87" s="40"/>
      <c r="G87" s="40"/>
      <c r="H87" s="40"/>
      <c r="L87" s="40"/>
      <c r="M87" s="40"/>
      <c r="N87" s="40"/>
      <c r="O87" s="40"/>
      <c r="P87" s="40"/>
      <c r="Q87" s="40"/>
      <c r="R87" s="40"/>
      <c r="S87" s="40"/>
    </row>
    <row r="88" spans="2:19" ht="13.5">
      <c r="B88" s="40"/>
      <c r="C88" s="40"/>
      <c r="D88" s="40"/>
      <c r="E88" s="40"/>
      <c r="F88" s="40"/>
      <c r="G88" s="40"/>
      <c r="H88" s="40"/>
      <c r="L88" s="40"/>
      <c r="M88" s="40"/>
      <c r="N88" s="40"/>
      <c r="O88" s="40"/>
      <c r="P88" s="40"/>
      <c r="Q88" s="40"/>
      <c r="R88" s="40"/>
      <c r="S88" s="40"/>
    </row>
    <row r="89" spans="2:19" ht="13.5">
      <c r="B89" s="40"/>
      <c r="C89" s="40"/>
      <c r="D89" s="40"/>
      <c r="E89" s="40"/>
      <c r="F89" s="40"/>
      <c r="G89" s="40"/>
      <c r="H89" s="40"/>
      <c r="L89" s="40"/>
      <c r="M89" s="40"/>
      <c r="N89" s="40"/>
      <c r="O89" s="40"/>
      <c r="P89" s="40"/>
      <c r="Q89" s="40"/>
      <c r="R89" s="40"/>
      <c r="S89" s="40"/>
    </row>
    <row r="90" spans="2:19" ht="13.5">
      <c r="B90" s="40"/>
      <c r="C90" s="40"/>
      <c r="D90" s="40"/>
      <c r="E90" s="40"/>
      <c r="F90" s="40"/>
      <c r="G90" s="40"/>
      <c r="H90" s="40"/>
      <c r="L90" s="40"/>
      <c r="M90" s="40"/>
      <c r="N90" s="40"/>
      <c r="O90" s="40"/>
      <c r="P90" s="40"/>
      <c r="Q90" s="40"/>
      <c r="R90" s="40"/>
      <c r="S90" s="40"/>
    </row>
    <row r="91" spans="2:19" ht="13.5">
      <c r="B91" s="40"/>
      <c r="C91" s="40"/>
      <c r="D91" s="40"/>
      <c r="E91" s="40"/>
      <c r="F91" s="40"/>
      <c r="G91" s="40"/>
      <c r="H91" s="40"/>
      <c r="L91" s="40"/>
      <c r="M91" s="40"/>
      <c r="N91" s="40"/>
      <c r="O91" s="40"/>
      <c r="P91" s="40"/>
      <c r="Q91" s="40"/>
      <c r="R91" s="40"/>
      <c r="S91" s="40"/>
    </row>
    <row r="92" spans="2:19" ht="13.5">
      <c r="B92" s="40"/>
      <c r="C92" s="40"/>
      <c r="D92" s="40"/>
      <c r="E92" s="40"/>
      <c r="F92" s="40"/>
      <c r="G92" s="40"/>
      <c r="H92" s="40"/>
      <c r="L92" s="40"/>
      <c r="M92" s="40"/>
      <c r="N92" s="40"/>
      <c r="O92" s="40"/>
      <c r="P92" s="40"/>
      <c r="Q92" s="40"/>
      <c r="R92" s="40"/>
      <c r="S92" s="40"/>
    </row>
    <row r="93" spans="2:19" ht="13.5">
      <c r="B93" s="40"/>
      <c r="C93" s="40"/>
      <c r="D93" s="40"/>
      <c r="E93" s="40"/>
      <c r="F93" s="40"/>
      <c r="G93" s="40"/>
      <c r="H93" s="40"/>
      <c r="L93" s="40"/>
      <c r="M93" s="40"/>
      <c r="N93" s="40"/>
      <c r="O93" s="40"/>
      <c r="P93" s="40"/>
      <c r="Q93" s="40"/>
      <c r="R93" s="40"/>
      <c r="S93" s="40"/>
    </row>
    <row r="94" spans="2:19" ht="13.5">
      <c r="B94" s="40"/>
      <c r="C94" s="40"/>
      <c r="D94" s="40"/>
      <c r="E94" s="40"/>
      <c r="F94" s="40"/>
      <c r="G94" s="40"/>
      <c r="H94" s="40"/>
      <c r="L94" s="40"/>
      <c r="M94" s="40"/>
      <c r="N94" s="40"/>
      <c r="O94" s="40"/>
      <c r="P94" s="40"/>
      <c r="Q94" s="40"/>
      <c r="R94" s="40"/>
      <c r="S94" s="40"/>
    </row>
    <row r="95" spans="2:19" ht="13.5">
      <c r="B95" s="40"/>
      <c r="C95" s="40"/>
      <c r="D95" s="40"/>
      <c r="E95" s="40"/>
      <c r="F95" s="40"/>
      <c r="G95" s="40"/>
      <c r="H95" s="40"/>
      <c r="L95" s="40"/>
      <c r="M95" s="40"/>
      <c r="N95" s="40"/>
      <c r="O95" s="40"/>
      <c r="P95" s="40"/>
      <c r="Q95" s="40"/>
      <c r="R95" s="40"/>
      <c r="S95" s="40"/>
    </row>
    <row r="96" spans="2:19" ht="13.5">
      <c r="B96" s="40"/>
      <c r="C96" s="40"/>
      <c r="D96" s="40"/>
      <c r="E96" s="40"/>
      <c r="F96" s="40"/>
      <c r="G96" s="40"/>
      <c r="H96" s="40"/>
      <c r="L96" s="40"/>
      <c r="M96" s="40"/>
      <c r="N96" s="40"/>
      <c r="O96" s="40"/>
      <c r="P96" s="40"/>
      <c r="Q96" s="40"/>
      <c r="R96" s="40"/>
      <c r="S96" s="40"/>
    </row>
    <row r="97" spans="2:19" ht="13.5">
      <c r="B97" s="40"/>
      <c r="C97" s="40"/>
      <c r="D97" s="40"/>
      <c r="E97" s="40"/>
      <c r="F97" s="40"/>
      <c r="G97" s="40"/>
      <c r="H97" s="40"/>
      <c r="L97" s="40"/>
      <c r="M97" s="40"/>
      <c r="N97" s="40"/>
      <c r="O97" s="40"/>
      <c r="P97" s="40"/>
      <c r="Q97" s="40"/>
      <c r="R97" s="40"/>
      <c r="S97" s="40"/>
    </row>
    <row r="98" spans="2:19" ht="13.5">
      <c r="B98" s="40"/>
      <c r="C98" s="40"/>
      <c r="D98" s="40"/>
      <c r="E98" s="40"/>
      <c r="F98" s="40"/>
      <c r="G98" s="40"/>
      <c r="H98" s="40"/>
      <c r="L98" s="40"/>
      <c r="M98" s="40"/>
      <c r="N98" s="40"/>
      <c r="O98" s="40"/>
      <c r="P98" s="40"/>
      <c r="Q98" s="40"/>
      <c r="R98" s="40"/>
      <c r="S98" s="40"/>
    </row>
    <row r="99" spans="2:19" ht="13.5">
      <c r="B99" s="40"/>
      <c r="C99" s="40"/>
      <c r="D99" s="40"/>
      <c r="E99" s="40"/>
      <c r="F99" s="40"/>
      <c r="G99" s="40"/>
      <c r="H99" s="40"/>
      <c r="L99" s="40"/>
      <c r="M99" s="40"/>
      <c r="N99" s="40"/>
      <c r="O99" s="40"/>
      <c r="P99" s="40"/>
      <c r="Q99" s="40"/>
      <c r="R99" s="40"/>
      <c r="S99" s="40"/>
    </row>
    <row r="100" spans="2:19" ht="13.5">
      <c r="B100" s="40"/>
      <c r="C100" s="40"/>
      <c r="D100" s="40"/>
      <c r="E100" s="40"/>
      <c r="F100" s="40"/>
      <c r="G100" s="40"/>
      <c r="H100" s="40"/>
      <c r="L100" s="40"/>
      <c r="M100" s="40"/>
      <c r="N100" s="40"/>
      <c r="O100" s="40"/>
      <c r="P100" s="40"/>
      <c r="Q100" s="40"/>
      <c r="R100" s="40"/>
      <c r="S100" s="40"/>
    </row>
    <row r="101" spans="2:19" ht="13.5">
      <c r="B101" s="40"/>
      <c r="C101" s="40"/>
      <c r="D101" s="40"/>
      <c r="E101" s="40"/>
      <c r="F101" s="40"/>
      <c r="G101" s="40"/>
      <c r="H101" s="40"/>
      <c r="L101" s="40"/>
      <c r="M101" s="40"/>
      <c r="N101" s="40"/>
      <c r="O101" s="40"/>
      <c r="P101" s="40"/>
      <c r="Q101" s="40"/>
      <c r="R101" s="40"/>
      <c r="S101" s="40"/>
    </row>
    <row r="102" spans="2:19" ht="13.5">
      <c r="B102" s="40"/>
      <c r="C102" s="40"/>
      <c r="D102" s="40"/>
      <c r="E102" s="40"/>
      <c r="F102" s="40"/>
      <c r="G102" s="40"/>
      <c r="H102" s="40"/>
      <c r="L102" s="40"/>
      <c r="M102" s="40"/>
      <c r="N102" s="40"/>
      <c r="O102" s="40"/>
      <c r="P102" s="40"/>
      <c r="Q102" s="40"/>
      <c r="R102" s="40"/>
      <c r="S102" s="40"/>
    </row>
    <row r="103" spans="2:19" ht="13.5">
      <c r="B103" s="40"/>
      <c r="C103" s="40"/>
      <c r="D103" s="40"/>
      <c r="E103" s="40"/>
      <c r="F103" s="40"/>
      <c r="G103" s="40"/>
      <c r="H103" s="40"/>
      <c r="L103" s="40"/>
      <c r="M103" s="40"/>
      <c r="N103" s="40"/>
      <c r="O103" s="40"/>
      <c r="P103" s="40"/>
      <c r="Q103" s="40"/>
      <c r="R103" s="40"/>
      <c r="S103" s="40"/>
    </row>
    <row r="104" spans="2:19" ht="13.5">
      <c r="B104" s="40"/>
      <c r="C104" s="40"/>
      <c r="D104" s="40"/>
      <c r="E104" s="40"/>
      <c r="F104" s="40"/>
      <c r="G104" s="40"/>
      <c r="H104" s="40"/>
      <c r="L104" s="40"/>
      <c r="M104" s="40"/>
      <c r="N104" s="40"/>
      <c r="O104" s="40"/>
      <c r="P104" s="40"/>
      <c r="Q104" s="40"/>
      <c r="R104" s="40"/>
      <c r="S104" s="40"/>
    </row>
    <row r="105" spans="2:19" ht="13.5">
      <c r="B105" s="40"/>
      <c r="C105" s="40"/>
      <c r="D105" s="40"/>
      <c r="E105" s="40"/>
      <c r="F105" s="40"/>
      <c r="G105" s="40"/>
      <c r="H105" s="40"/>
      <c r="L105" s="40"/>
      <c r="M105" s="40"/>
      <c r="N105" s="40"/>
      <c r="O105" s="40"/>
      <c r="P105" s="40"/>
      <c r="Q105" s="40"/>
      <c r="R105" s="40"/>
      <c r="S105" s="40"/>
    </row>
    <row r="106" spans="2:19" ht="13.5">
      <c r="B106" s="40"/>
      <c r="C106" s="40"/>
      <c r="D106" s="40"/>
      <c r="E106" s="40"/>
      <c r="F106" s="40"/>
      <c r="G106" s="40"/>
      <c r="H106" s="40"/>
      <c r="L106" s="40"/>
      <c r="M106" s="40"/>
      <c r="N106" s="40"/>
      <c r="O106" s="40"/>
      <c r="P106" s="40"/>
      <c r="Q106" s="40"/>
      <c r="R106" s="40"/>
      <c r="S106" s="40"/>
    </row>
    <row r="107" spans="2:19" ht="13.5">
      <c r="B107" s="40"/>
      <c r="C107" s="40"/>
      <c r="D107" s="40"/>
      <c r="E107" s="40"/>
      <c r="F107" s="40"/>
      <c r="G107" s="40"/>
      <c r="H107" s="40"/>
      <c r="L107" s="40"/>
      <c r="M107" s="40"/>
      <c r="N107" s="40"/>
      <c r="O107" s="40"/>
      <c r="P107" s="40"/>
      <c r="Q107" s="40"/>
      <c r="R107" s="40"/>
      <c r="S107" s="40"/>
    </row>
    <row r="108" spans="2:19" ht="13.5">
      <c r="B108" s="40"/>
      <c r="C108" s="40"/>
      <c r="D108" s="40"/>
      <c r="E108" s="40"/>
      <c r="F108" s="40"/>
      <c r="G108" s="40"/>
      <c r="H108" s="40"/>
      <c r="L108" s="40"/>
      <c r="M108" s="40"/>
      <c r="N108" s="40"/>
      <c r="O108" s="40"/>
      <c r="P108" s="40"/>
      <c r="Q108" s="40"/>
      <c r="R108" s="40"/>
      <c r="S108" s="40"/>
    </row>
    <row r="109" spans="2:19" ht="13.5">
      <c r="B109" s="40"/>
      <c r="C109" s="40"/>
      <c r="D109" s="40"/>
      <c r="E109" s="40"/>
      <c r="F109" s="40"/>
      <c r="G109" s="40"/>
      <c r="H109" s="40"/>
      <c r="L109" s="40"/>
      <c r="M109" s="40"/>
      <c r="N109" s="40"/>
      <c r="O109" s="40"/>
      <c r="P109" s="40"/>
      <c r="Q109" s="40"/>
      <c r="R109" s="40"/>
      <c r="S109" s="40"/>
    </row>
    <row r="110" spans="2:19" ht="13.5">
      <c r="B110" s="40"/>
      <c r="C110" s="40"/>
      <c r="D110" s="40"/>
      <c r="E110" s="40"/>
      <c r="F110" s="40"/>
      <c r="G110" s="40"/>
      <c r="H110" s="40"/>
      <c r="L110" s="40"/>
      <c r="M110" s="40"/>
      <c r="N110" s="40"/>
      <c r="O110" s="40"/>
      <c r="P110" s="40"/>
      <c r="Q110" s="40"/>
      <c r="R110" s="40"/>
      <c r="S110" s="40"/>
    </row>
    <row r="111" spans="2:19" ht="13.5">
      <c r="B111" s="40"/>
      <c r="C111" s="40"/>
      <c r="D111" s="40"/>
      <c r="E111" s="40"/>
      <c r="F111" s="40"/>
      <c r="G111" s="40"/>
      <c r="H111" s="40"/>
      <c r="L111" s="40"/>
      <c r="M111" s="40"/>
      <c r="N111" s="40"/>
      <c r="O111" s="40"/>
      <c r="P111" s="40"/>
      <c r="Q111" s="40"/>
      <c r="R111" s="40"/>
      <c r="S111" s="40"/>
    </row>
    <row r="112" spans="2:19" ht="13.5">
      <c r="B112" s="40"/>
      <c r="C112" s="40"/>
      <c r="D112" s="40"/>
      <c r="E112" s="40"/>
      <c r="F112" s="40"/>
      <c r="G112" s="40"/>
      <c r="H112" s="40"/>
      <c r="L112" s="40"/>
      <c r="M112" s="40"/>
      <c r="N112" s="40"/>
      <c r="O112" s="40"/>
      <c r="P112" s="40"/>
      <c r="Q112" s="40"/>
      <c r="R112" s="40"/>
      <c r="S112" s="40"/>
    </row>
    <row r="113" spans="2:19" ht="13.5">
      <c r="B113" s="40"/>
      <c r="C113" s="40"/>
      <c r="D113" s="40"/>
      <c r="E113" s="40"/>
      <c r="F113" s="40"/>
      <c r="G113" s="40"/>
      <c r="H113" s="40"/>
      <c r="L113" s="40"/>
      <c r="M113" s="40"/>
      <c r="N113" s="40"/>
      <c r="O113" s="40"/>
      <c r="P113" s="40"/>
      <c r="Q113" s="40"/>
      <c r="R113" s="40"/>
      <c r="S113" s="40"/>
    </row>
    <row r="114" spans="2:19" ht="13.5">
      <c r="B114" s="40"/>
      <c r="C114" s="40"/>
      <c r="D114" s="40"/>
      <c r="E114" s="40"/>
      <c r="F114" s="40"/>
      <c r="G114" s="40"/>
      <c r="H114" s="40"/>
      <c r="L114" s="40"/>
      <c r="M114" s="40"/>
      <c r="N114" s="40"/>
      <c r="O114" s="40"/>
      <c r="P114" s="40"/>
      <c r="Q114" s="40"/>
      <c r="R114" s="40"/>
      <c r="S114" s="40"/>
    </row>
    <row r="115" spans="2:19" ht="13.5">
      <c r="B115" s="40"/>
      <c r="C115" s="40"/>
      <c r="D115" s="40"/>
      <c r="E115" s="40"/>
      <c r="F115" s="40"/>
      <c r="G115" s="40"/>
      <c r="H115" s="40"/>
      <c r="L115" s="40"/>
      <c r="M115" s="40"/>
      <c r="N115" s="40"/>
      <c r="O115" s="40"/>
      <c r="P115" s="40"/>
      <c r="Q115" s="40"/>
      <c r="R115" s="40"/>
      <c r="S115" s="40"/>
    </row>
    <row r="116" spans="2:19" ht="13.5">
      <c r="B116" s="40"/>
      <c r="C116" s="40"/>
      <c r="D116" s="40"/>
      <c r="E116" s="40"/>
      <c r="F116" s="40"/>
      <c r="G116" s="40"/>
      <c r="H116" s="40"/>
      <c r="L116" s="40"/>
      <c r="M116" s="40"/>
      <c r="N116" s="40"/>
      <c r="O116" s="40"/>
      <c r="P116" s="40"/>
      <c r="Q116" s="40"/>
      <c r="R116" s="40"/>
      <c r="S116" s="40"/>
    </row>
    <row r="117" spans="2:19" ht="13.5">
      <c r="B117" s="40"/>
      <c r="C117" s="40"/>
      <c r="D117" s="40"/>
      <c r="E117" s="40"/>
      <c r="F117" s="40"/>
      <c r="G117" s="40"/>
      <c r="H117" s="40"/>
      <c r="L117" s="40"/>
      <c r="M117" s="40"/>
      <c r="N117" s="40"/>
      <c r="O117" s="40"/>
      <c r="P117" s="40"/>
      <c r="Q117" s="40"/>
      <c r="R117" s="40"/>
      <c r="S117" s="40"/>
    </row>
    <row r="118" spans="2:19" ht="13.5">
      <c r="B118" s="40"/>
      <c r="C118" s="40"/>
      <c r="D118" s="40"/>
      <c r="E118" s="40"/>
      <c r="F118" s="40"/>
      <c r="G118" s="40"/>
      <c r="H118" s="40"/>
      <c r="L118" s="40"/>
      <c r="M118" s="40"/>
      <c r="N118" s="40"/>
      <c r="O118" s="40"/>
      <c r="P118" s="40"/>
      <c r="Q118" s="40"/>
      <c r="R118" s="40"/>
      <c r="S118" s="40"/>
    </row>
    <row r="119" spans="2:19" ht="13.5">
      <c r="B119" s="40"/>
      <c r="C119" s="40"/>
      <c r="D119" s="40"/>
      <c r="E119" s="40"/>
      <c r="F119" s="40"/>
      <c r="G119" s="40"/>
      <c r="H119" s="40"/>
      <c r="L119" s="40"/>
      <c r="M119" s="40"/>
      <c r="N119" s="40"/>
      <c r="O119" s="40"/>
      <c r="P119" s="40"/>
      <c r="Q119" s="40"/>
      <c r="R119" s="40"/>
      <c r="S119" s="40"/>
    </row>
    <row r="120" spans="2:19" ht="13.5">
      <c r="B120" s="40"/>
      <c r="C120" s="40"/>
      <c r="D120" s="40"/>
      <c r="E120" s="40"/>
      <c r="F120" s="40"/>
      <c r="G120" s="40"/>
      <c r="H120" s="40"/>
      <c r="L120" s="40"/>
      <c r="M120" s="40"/>
      <c r="N120" s="40"/>
      <c r="O120" s="40"/>
      <c r="P120" s="40"/>
      <c r="Q120" s="40"/>
      <c r="R120" s="40"/>
      <c r="S120" s="40"/>
    </row>
    <row r="121" spans="2:19" ht="13.5">
      <c r="B121" s="40"/>
      <c r="C121" s="40"/>
      <c r="D121" s="40"/>
      <c r="E121" s="40"/>
      <c r="F121" s="40"/>
      <c r="G121" s="40"/>
      <c r="H121" s="40"/>
      <c r="L121" s="40"/>
      <c r="M121" s="40"/>
      <c r="N121" s="40"/>
      <c r="O121" s="40"/>
      <c r="P121" s="40"/>
      <c r="Q121" s="40"/>
      <c r="R121" s="40"/>
      <c r="S121" s="40"/>
    </row>
    <row r="122" spans="2:19" ht="13.5">
      <c r="B122" s="40"/>
      <c r="C122" s="40"/>
      <c r="D122" s="40"/>
      <c r="E122" s="40"/>
      <c r="F122" s="40"/>
      <c r="G122" s="40"/>
      <c r="H122" s="40"/>
      <c r="L122" s="40"/>
      <c r="M122" s="40"/>
      <c r="N122" s="40"/>
      <c r="O122" s="40"/>
      <c r="P122" s="40"/>
      <c r="Q122" s="40"/>
      <c r="R122" s="40"/>
      <c r="S122" s="40"/>
    </row>
    <row r="123" spans="2:19" ht="13.5">
      <c r="B123" s="40"/>
      <c r="C123" s="40"/>
      <c r="D123" s="40"/>
      <c r="E123" s="40"/>
      <c r="F123" s="40"/>
      <c r="G123" s="40"/>
      <c r="H123" s="40"/>
      <c r="L123" s="40"/>
      <c r="M123" s="40"/>
      <c r="N123" s="40"/>
      <c r="O123" s="40"/>
      <c r="P123" s="40"/>
      <c r="Q123" s="40"/>
      <c r="R123" s="40"/>
      <c r="S123" s="40"/>
    </row>
    <row r="124" spans="2:19" ht="13.5">
      <c r="B124" s="40"/>
      <c r="C124" s="40"/>
      <c r="D124" s="40"/>
      <c r="E124" s="40"/>
      <c r="F124" s="40"/>
      <c r="G124" s="40"/>
      <c r="H124" s="40"/>
      <c r="L124" s="40"/>
      <c r="M124" s="40"/>
      <c r="N124" s="40"/>
      <c r="O124" s="40"/>
      <c r="P124" s="40"/>
      <c r="Q124" s="40"/>
      <c r="R124" s="40"/>
      <c r="S124" s="40"/>
    </row>
    <row r="125" spans="2:19" ht="13.5">
      <c r="B125" s="40"/>
      <c r="C125" s="40"/>
      <c r="D125" s="40"/>
      <c r="E125" s="40"/>
      <c r="F125" s="40"/>
      <c r="G125" s="40"/>
      <c r="H125" s="40"/>
      <c r="L125" s="40"/>
      <c r="M125" s="40"/>
      <c r="N125" s="40"/>
      <c r="O125" s="40"/>
      <c r="P125" s="40"/>
      <c r="Q125" s="40"/>
      <c r="R125" s="40"/>
      <c r="S125" s="40"/>
    </row>
    <row r="126" spans="2:19" ht="13.5">
      <c r="B126" s="40"/>
      <c r="C126" s="40"/>
      <c r="D126" s="40"/>
      <c r="E126" s="40"/>
      <c r="F126" s="40"/>
      <c r="G126" s="40"/>
      <c r="H126" s="40"/>
      <c r="L126" s="40"/>
      <c r="M126" s="40"/>
      <c r="N126" s="40"/>
      <c r="O126" s="40"/>
      <c r="P126" s="40"/>
      <c r="Q126" s="40"/>
      <c r="R126" s="40"/>
      <c r="S126" s="40"/>
    </row>
    <row r="127" spans="2:19" ht="13.5">
      <c r="B127" s="40"/>
      <c r="C127" s="40"/>
      <c r="D127" s="40"/>
      <c r="E127" s="40"/>
      <c r="F127" s="40"/>
      <c r="G127" s="40"/>
      <c r="H127" s="40"/>
      <c r="L127" s="40"/>
      <c r="M127" s="40"/>
      <c r="N127" s="40"/>
      <c r="O127" s="40"/>
      <c r="P127" s="40"/>
      <c r="Q127" s="40"/>
      <c r="R127" s="40"/>
      <c r="S127" s="40"/>
    </row>
    <row r="128" spans="2:19" ht="13.5">
      <c r="B128" s="40"/>
      <c r="C128" s="40"/>
      <c r="D128" s="40"/>
      <c r="E128" s="40"/>
      <c r="F128" s="40"/>
      <c r="G128" s="40"/>
      <c r="H128" s="40"/>
      <c r="L128" s="40"/>
      <c r="M128" s="40"/>
      <c r="N128" s="40"/>
      <c r="O128" s="40"/>
      <c r="P128" s="40"/>
      <c r="Q128" s="40"/>
      <c r="R128" s="40"/>
      <c r="S128" s="40"/>
    </row>
    <row r="129" spans="2:19" ht="13.5">
      <c r="B129" s="40"/>
      <c r="C129" s="40"/>
      <c r="D129" s="40"/>
      <c r="E129" s="40"/>
      <c r="F129" s="40"/>
      <c r="G129" s="40"/>
      <c r="H129" s="40"/>
      <c r="L129" s="40"/>
      <c r="M129" s="40"/>
      <c r="N129" s="40"/>
      <c r="O129" s="40"/>
      <c r="P129" s="40"/>
      <c r="Q129" s="40"/>
      <c r="R129" s="40"/>
      <c r="S129" s="40"/>
    </row>
    <row r="130" spans="2:19" ht="13.5">
      <c r="B130" s="40"/>
      <c r="C130" s="40"/>
      <c r="D130" s="40"/>
      <c r="E130" s="40"/>
      <c r="F130" s="40"/>
      <c r="G130" s="40"/>
      <c r="H130" s="40"/>
      <c r="L130" s="40"/>
      <c r="M130" s="40"/>
      <c r="N130" s="40"/>
      <c r="O130" s="40"/>
      <c r="P130" s="40"/>
      <c r="Q130" s="40"/>
      <c r="R130" s="40"/>
      <c r="S130" s="40"/>
    </row>
    <row r="131" spans="2:19" ht="13.5">
      <c r="B131" s="40"/>
      <c r="C131" s="40"/>
      <c r="D131" s="40"/>
      <c r="E131" s="40"/>
      <c r="F131" s="40"/>
      <c r="G131" s="40"/>
      <c r="H131" s="40"/>
      <c r="L131" s="40"/>
      <c r="M131" s="40"/>
      <c r="N131" s="40"/>
      <c r="O131" s="40"/>
      <c r="P131" s="40"/>
      <c r="Q131" s="40"/>
      <c r="R131" s="40"/>
      <c r="S131" s="40"/>
    </row>
    <row r="132" spans="2:19" ht="13.5">
      <c r="B132" s="40"/>
      <c r="C132" s="40"/>
      <c r="D132" s="40"/>
      <c r="E132" s="40"/>
      <c r="F132" s="40"/>
      <c r="G132" s="40"/>
      <c r="H132" s="40"/>
      <c r="L132" s="40"/>
      <c r="M132" s="40"/>
      <c r="N132" s="40"/>
      <c r="O132" s="40"/>
      <c r="P132" s="40"/>
      <c r="Q132" s="40"/>
      <c r="R132" s="40"/>
      <c r="S132" s="40"/>
    </row>
    <row r="133" spans="2:19" ht="13.5">
      <c r="B133" s="40"/>
      <c r="C133" s="40"/>
      <c r="D133" s="40"/>
      <c r="E133" s="40"/>
      <c r="F133" s="40"/>
      <c r="G133" s="40"/>
      <c r="H133" s="40"/>
      <c r="L133" s="40"/>
      <c r="M133" s="40"/>
      <c r="N133" s="40"/>
      <c r="O133" s="40"/>
      <c r="P133" s="40"/>
      <c r="Q133" s="40"/>
      <c r="R133" s="40"/>
      <c r="S133" s="40"/>
    </row>
    <row r="134" spans="2:19" ht="13.5">
      <c r="B134" s="40"/>
      <c r="C134" s="40"/>
      <c r="D134" s="40"/>
      <c r="E134" s="40"/>
      <c r="F134" s="40"/>
      <c r="G134" s="40"/>
      <c r="H134" s="40"/>
      <c r="L134" s="40"/>
      <c r="M134" s="40"/>
      <c r="N134" s="40"/>
      <c r="O134" s="40"/>
      <c r="P134" s="40"/>
      <c r="Q134" s="40"/>
      <c r="R134" s="40"/>
      <c r="S134" s="40"/>
    </row>
    <row r="135" spans="2:19" ht="13.5">
      <c r="B135" s="40"/>
      <c r="C135" s="40"/>
      <c r="D135" s="40"/>
      <c r="E135" s="40"/>
      <c r="F135" s="40"/>
      <c r="G135" s="40"/>
      <c r="H135" s="40"/>
      <c r="L135" s="40"/>
      <c r="M135" s="40"/>
      <c r="N135" s="40"/>
      <c r="O135" s="40"/>
      <c r="P135" s="40"/>
      <c r="Q135" s="40"/>
      <c r="R135" s="40"/>
      <c r="S135" s="40"/>
    </row>
    <row r="136" spans="2:19" ht="13.5">
      <c r="B136" s="40"/>
      <c r="C136" s="40"/>
      <c r="D136" s="40"/>
      <c r="E136" s="40"/>
      <c r="F136" s="40"/>
      <c r="G136" s="40"/>
      <c r="H136" s="40"/>
      <c r="L136" s="40"/>
      <c r="M136" s="40"/>
      <c r="N136" s="40"/>
      <c r="O136" s="40"/>
      <c r="P136" s="40"/>
      <c r="Q136" s="40"/>
      <c r="R136" s="40"/>
      <c r="S136" s="40"/>
    </row>
    <row r="137" spans="2:19" ht="13.5">
      <c r="B137" s="40"/>
      <c r="C137" s="40"/>
      <c r="D137" s="40"/>
      <c r="E137" s="40"/>
      <c r="F137" s="40"/>
      <c r="G137" s="40"/>
      <c r="H137" s="40"/>
      <c r="L137" s="40"/>
      <c r="M137" s="40"/>
      <c r="N137" s="40"/>
      <c r="O137" s="40"/>
      <c r="P137" s="40"/>
      <c r="Q137" s="40"/>
      <c r="R137" s="40"/>
      <c r="S137" s="40"/>
    </row>
    <row r="138" spans="2:19" ht="13.5">
      <c r="B138" s="40"/>
      <c r="C138" s="40"/>
      <c r="D138" s="40"/>
      <c r="E138" s="40"/>
      <c r="F138" s="40"/>
      <c r="G138" s="40"/>
      <c r="H138" s="40"/>
      <c r="L138" s="40"/>
      <c r="M138" s="40"/>
      <c r="N138" s="40"/>
      <c r="O138" s="40"/>
      <c r="P138" s="40"/>
      <c r="Q138" s="40"/>
      <c r="R138" s="40"/>
      <c r="S138" s="40"/>
    </row>
    <row r="139" spans="2:19" ht="13.5">
      <c r="B139" s="40"/>
      <c r="C139" s="40"/>
      <c r="D139" s="40"/>
      <c r="E139" s="40"/>
      <c r="F139" s="40"/>
      <c r="G139" s="40"/>
      <c r="H139" s="40"/>
      <c r="L139" s="40"/>
      <c r="M139" s="40"/>
      <c r="N139" s="40"/>
      <c r="O139" s="40"/>
      <c r="P139" s="40"/>
      <c r="Q139" s="40"/>
      <c r="R139" s="40"/>
      <c r="S139" s="40"/>
    </row>
    <row r="140" spans="2:19" ht="13.5">
      <c r="B140" s="40"/>
      <c r="C140" s="40"/>
      <c r="D140" s="40"/>
      <c r="E140" s="40"/>
      <c r="F140" s="40"/>
      <c r="G140" s="40"/>
      <c r="H140" s="40"/>
      <c r="L140" s="40"/>
      <c r="M140" s="40"/>
      <c r="N140" s="40"/>
      <c r="O140" s="40"/>
      <c r="P140" s="40"/>
      <c r="Q140" s="40"/>
      <c r="R140" s="40"/>
      <c r="S140" s="40"/>
    </row>
    <row r="141" spans="2:19" ht="13.5">
      <c r="B141" s="40"/>
      <c r="C141" s="40"/>
      <c r="D141" s="40"/>
      <c r="E141" s="40"/>
      <c r="F141" s="40"/>
      <c r="G141" s="40"/>
      <c r="H141" s="40"/>
      <c r="L141" s="40"/>
      <c r="M141" s="40"/>
      <c r="N141" s="40"/>
      <c r="O141" s="40"/>
      <c r="P141" s="40"/>
      <c r="Q141" s="40"/>
      <c r="R141" s="40"/>
      <c r="S141" s="40"/>
    </row>
    <row r="142" spans="2:19" ht="13.5">
      <c r="B142" s="40"/>
      <c r="C142" s="40"/>
      <c r="D142" s="40"/>
      <c r="E142" s="40"/>
      <c r="F142" s="40"/>
      <c r="G142" s="40"/>
      <c r="H142" s="40"/>
      <c r="L142" s="40"/>
      <c r="M142" s="40"/>
      <c r="N142" s="40"/>
      <c r="O142" s="40"/>
      <c r="P142" s="40"/>
      <c r="Q142" s="40"/>
      <c r="R142" s="40"/>
      <c r="S142" s="40"/>
    </row>
    <row r="143" spans="2:19" ht="13.5">
      <c r="B143" s="40"/>
      <c r="C143" s="40"/>
      <c r="D143" s="40"/>
      <c r="E143" s="40"/>
      <c r="F143" s="40"/>
      <c r="G143" s="40"/>
      <c r="H143" s="40"/>
      <c r="L143" s="40"/>
      <c r="M143" s="40"/>
      <c r="N143" s="40"/>
      <c r="O143" s="40"/>
      <c r="P143" s="40"/>
      <c r="Q143" s="40"/>
      <c r="R143" s="40"/>
      <c r="S143" s="40"/>
    </row>
    <row r="144" spans="2:19" ht="13.5">
      <c r="B144" s="40"/>
      <c r="C144" s="40"/>
      <c r="D144" s="40"/>
      <c r="E144" s="40"/>
      <c r="F144" s="40"/>
      <c r="G144" s="40"/>
      <c r="H144" s="40"/>
      <c r="L144" s="40"/>
      <c r="M144" s="40"/>
      <c r="N144" s="40"/>
      <c r="O144" s="40"/>
      <c r="P144" s="40"/>
      <c r="Q144" s="40"/>
      <c r="R144" s="40"/>
      <c r="S144" s="40"/>
    </row>
    <row r="145" spans="2:19" ht="13.5">
      <c r="B145" s="40"/>
      <c r="C145" s="40"/>
      <c r="D145" s="40"/>
      <c r="E145" s="40"/>
      <c r="F145" s="40"/>
      <c r="G145" s="40"/>
      <c r="H145" s="40"/>
      <c r="L145" s="40"/>
      <c r="M145" s="40"/>
      <c r="N145" s="40"/>
      <c r="O145" s="40"/>
      <c r="P145" s="40"/>
      <c r="Q145" s="40"/>
      <c r="R145" s="40"/>
      <c r="S145" s="40"/>
    </row>
    <row r="146" spans="2:19" ht="13.5">
      <c r="B146" s="40"/>
      <c r="C146" s="40"/>
      <c r="D146" s="40"/>
      <c r="E146" s="40"/>
      <c r="F146" s="40"/>
      <c r="G146" s="40"/>
      <c r="H146" s="40"/>
      <c r="L146" s="40"/>
      <c r="M146" s="40"/>
      <c r="N146" s="40"/>
      <c r="O146" s="40"/>
      <c r="P146" s="40"/>
      <c r="Q146" s="40"/>
      <c r="R146" s="40"/>
      <c r="S146" s="40"/>
    </row>
    <row r="147" spans="2:19" ht="13.5">
      <c r="B147" s="40"/>
      <c r="C147" s="40"/>
      <c r="D147" s="40"/>
      <c r="E147" s="40"/>
      <c r="F147" s="40"/>
      <c r="G147" s="40"/>
      <c r="H147" s="40"/>
      <c r="L147" s="40"/>
      <c r="M147" s="40"/>
      <c r="N147" s="40"/>
      <c r="O147" s="40"/>
      <c r="P147" s="40"/>
      <c r="Q147" s="40"/>
      <c r="R147" s="40"/>
      <c r="S147" s="40"/>
    </row>
    <row r="148" spans="2:19" ht="13.5">
      <c r="B148" s="40"/>
      <c r="C148" s="40"/>
      <c r="D148" s="40"/>
      <c r="E148" s="40"/>
      <c r="F148" s="40"/>
      <c r="G148" s="40"/>
      <c r="H148" s="40"/>
      <c r="L148" s="40"/>
      <c r="M148" s="40"/>
      <c r="N148" s="40"/>
      <c r="O148" s="40"/>
      <c r="P148" s="40"/>
      <c r="Q148" s="40"/>
      <c r="R148" s="40"/>
      <c r="S148" s="40"/>
    </row>
    <row r="149" spans="2:19" ht="13.5">
      <c r="B149" s="40"/>
      <c r="C149" s="40"/>
      <c r="D149" s="40"/>
      <c r="E149" s="40"/>
      <c r="F149" s="40"/>
      <c r="G149" s="40"/>
      <c r="H149" s="40"/>
      <c r="L149" s="40"/>
      <c r="M149" s="40"/>
      <c r="N149" s="40"/>
      <c r="O149" s="40"/>
      <c r="P149" s="40"/>
      <c r="Q149" s="40"/>
      <c r="R149" s="40"/>
      <c r="S149" s="40"/>
    </row>
    <row r="150" spans="2:19" ht="13.5">
      <c r="B150" s="40"/>
      <c r="C150" s="40"/>
      <c r="D150" s="40"/>
      <c r="E150" s="40"/>
      <c r="F150" s="40"/>
      <c r="G150" s="40"/>
      <c r="H150" s="40"/>
      <c r="L150" s="40"/>
      <c r="M150" s="40"/>
      <c r="N150" s="40"/>
      <c r="O150" s="40"/>
      <c r="P150" s="40"/>
      <c r="Q150" s="40"/>
      <c r="R150" s="40"/>
      <c r="S150" s="40"/>
    </row>
    <row r="151" spans="2:19" ht="13.5">
      <c r="B151" s="40"/>
      <c r="C151" s="40"/>
      <c r="D151" s="40"/>
      <c r="E151" s="40"/>
      <c r="F151" s="40"/>
      <c r="G151" s="40"/>
      <c r="H151" s="40"/>
      <c r="L151" s="40"/>
      <c r="M151" s="40"/>
      <c r="N151" s="40"/>
      <c r="O151" s="40"/>
      <c r="P151" s="40"/>
      <c r="Q151" s="40"/>
      <c r="R151" s="40"/>
      <c r="S151" s="40"/>
    </row>
    <row r="152" spans="2:19" ht="13.5">
      <c r="B152" s="40"/>
      <c r="C152" s="40"/>
      <c r="D152" s="40"/>
      <c r="E152" s="40"/>
      <c r="F152" s="40"/>
      <c r="G152" s="40"/>
      <c r="H152" s="40"/>
      <c r="L152" s="40"/>
      <c r="M152" s="40"/>
      <c r="N152" s="40"/>
      <c r="O152" s="40"/>
      <c r="P152" s="40"/>
      <c r="Q152" s="40"/>
      <c r="R152" s="40"/>
      <c r="S152" s="40"/>
    </row>
    <row r="153" spans="2:19" ht="13.5">
      <c r="B153" s="40"/>
      <c r="C153" s="40"/>
      <c r="D153" s="40"/>
      <c r="E153" s="40"/>
      <c r="F153" s="40"/>
      <c r="G153" s="40"/>
      <c r="H153" s="40"/>
      <c r="L153" s="40"/>
      <c r="M153" s="40"/>
      <c r="N153" s="40"/>
      <c r="O153" s="40"/>
      <c r="P153" s="40"/>
      <c r="Q153" s="40"/>
      <c r="R153" s="40"/>
      <c r="S153" s="40"/>
    </row>
    <row r="154" spans="2:19" ht="13.5">
      <c r="B154" s="40"/>
      <c r="C154" s="40"/>
      <c r="D154" s="40"/>
      <c r="E154" s="40"/>
      <c r="F154" s="40"/>
      <c r="G154" s="40"/>
      <c r="H154" s="40"/>
      <c r="L154" s="40"/>
      <c r="M154" s="40"/>
      <c r="N154" s="40"/>
      <c r="O154" s="40"/>
      <c r="P154" s="40"/>
      <c r="Q154" s="40"/>
      <c r="R154" s="40"/>
      <c r="S154" s="40"/>
    </row>
    <row r="155" spans="2:19" ht="13.5">
      <c r="B155" s="40"/>
      <c r="C155" s="40"/>
      <c r="D155" s="40"/>
      <c r="E155" s="40"/>
      <c r="F155" s="40"/>
      <c r="G155" s="40"/>
      <c r="H155" s="40"/>
      <c r="L155" s="40"/>
      <c r="M155" s="40"/>
      <c r="N155" s="40"/>
      <c r="O155" s="40"/>
      <c r="P155" s="40"/>
      <c r="Q155" s="40"/>
      <c r="R155" s="40"/>
      <c r="S155" s="40"/>
    </row>
    <row r="156" spans="2:19" ht="13.5">
      <c r="B156" s="40"/>
      <c r="C156" s="40"/>
      <c r="D156" s="40"/>
      <c r="E156" s="40"/>
      <c r="F156" s="40"/>
      <c r="G156" s="40"/>
      <c r="H156" s="40"/>
      <c r="L156" s="40"/>
      <c r="M156" s="40"/>
      <c r="N156" s="40"/>
      <c r="O156" s="40"/>
      <c r="P156" s="40"/>
      <c r="Q156" s="40"/>
      <c r="R156" s="40"/>
      <c r="S156" s="40"/>
    </row>
    <row r="157" spans="2:19" ht="13.5">
      <c r="B157" s="40"/>
      <c r="C157" s="40"/>
      <c r="D157" s="40"/>
      <c r="E157" s="40"/>
      <c r="F157" s="40"/>
      <c r="G157" s="40"/>
      <c r="H157" s="40"/>
      <c r="L157" s="40"/>
      <c r="M157" s="40"/>
      <c r="N157" s="40"/>
      <c r="O157" s="40"/>
      <c r="P157" s="40"/>
      <c r="Q157" s="40"/>
      <c r="R157" s="40"/>
      <c r="S157" s="40"/>
    </row>
    <row r="158" spans="2:19" ht="13.5">
      <c r="B158" s="40"/>
      <c r="C158" s="40"/>
      <c r="D158" s="40"/>
      <c r="E158" s="40"/>
      <c r="F158" s="40"/>
      <c r="G158" s="40"/>
      <c r="H158" s="40"/>
      <c r="L158" s="40"/>
      <c r="M158" s="40"/>
      <c r="N158" s="40"/>
      <c r="O158" s="40"/>
      <c r="P158" s="40"/>
      <c r="Q158" s="40"/>
      <c r="R158" s="40"/>
      <c r="S158" s="40"/>
    </row>
    <row r="159" spans="2:19" ht="13.5">
      <c r="B159" s="40"/>
      <c r="C159" s="40"/>
      <c r="D159" s="40"/>
      <c r="E159" s="40"/>
      <c r="F159" s="40"/>
      <c r="G159" s="40"/>
      <c r="H159" s="40"/>
      <c r="L159" s="40"/>
      <c r="M159" s="40"/>
      <c r="N159" s="40"/>
      <c r="O159" s="40"/>
      <c r="P159" s="40"/>
      <c r="Q159" s="40"/>
      <c r="R159" s="40"/>
      <c r="S159" s="40"/>
    </row>
    <row r="160" spans="2:19" ht="13.5">
      <c r="B160" s="40"/>
      <c r="C160" s="40"/>
      <c r="D160" s="40"/>
      <c r="E160" s="40"/>
      <c r="F160" s="40"/>
      <c r="G160" s="40"/>
      <c r="H160" s="40"/>
      <c r="L160" s="40"/>
      <c r="M160" s="40"/>
      <c r="N160" s="40"/>
      <c r="O160" s="40"/>
      <c r="P160" s="40"/>
      <c r="Q160" s="40"/>
      <c r="R160" s="40"/>
      <c r="S160" s="40"/>
    </row>
    <row r="161" spans="2:19" ht="13.5">
      <c r="B161" s="40"/>
      <c r="C161" s="40"/>
      <c r="D161" s="40"/>
      <c r="E161" s="40"/>
      <c r="F161" s="40"/>
      <c r="G161" s="40"/>
      <c r="H161" s="40"/>
      <c r="L161" s="40"/>
      <c r="M161" s="40"/>
      <c r="N161" s="40"/>
      <c r="O161" s="40"/>
      <c r="P161" s="40"/>
      <c r="Q161" s="40"/>
      <c r="R161" s="40"/>
      <c r="S161" s="40"/>
    </row>
    <row r="162" spans="2:19" ht="13.5">
      <c r="B162" s="40"/>
      <c r="C162" s="40"/>
      <c r="D162" s="40"/>
      <c r="E162" s="40"/>
      <c r="F162" s="40"/>
      <c r="G162" s="40"/>
      <c r="H162" s="40"/>
      <c r="L162" s="40"/>
      <c r="M162" s="40"/>
      <c r="N162" s="40"/>
      <c r="O162" s="40"/>
      <c r="P162" s="40"/>
      <c r="Q162" s="40"/>
      <c r="R162" s="40"/>
      <c r="S162" s="40"/>
    </row>
    <row r="163" spans="2:19" ht="13.5">
      <c r="B163" s="40"/>
      <c r="C163" s="40"/>
      <c r="D163" s="40"/>
      <c r="E163" s="40"/>
      <c r="F163" s="40"/>
      <c r="G163" s="40"/>
      <c r="H163" s="40"/>
      <c r="L163" s="40"/>
      <c r="M163" s="40"/>
      <c r="N163" s="40"/>
      <c r="O163" s="40"/>
      <c r="P163" s="40"/>
      <c r="Q163" s="40"/>
      <c r="R163" s="40"/>
      <c r="S163" s="40"/>
    </row>
    <row r="164" spans="2:19" ht="13.5">
      <c r="B164" s="40"/>
      <c r="C164" s="40"/>
      <c r="D164" s="40"/>
      <c r="E164" s="40"/>
      <c r="F164" s="40"/>
      <c r="G164" s="40"/>
      <c r="H164" s="40"/>
      <c r="L164" s="40"/>
      <c r="M164" s="40"/>
      <c r="N164" s="40"/>
      <c r="O164" s="40"/>
      <c r="P164" s="40"/>
      <c r="Q164" s="40"/>
      <c r="R164" s="40"/>
      <c r="S164" s="40"/>
    </row>
    <row r="165" spans="2:19" ht="13.5">
      <c r="B165" s="40"/>
      <c r="C165" s="40"/>
      <c r="D165" s="40"/>
      <c r="E165" s="40"/>
      <c r="F165" s="40"/>
      <c r="G165" s="40"/>
      <c r="H165" s="40"/>
      <c r="L165" s="40"/>
      <c r="M165" s="40"/>
      <c r="N165" s="40"/>
      <c r="O165" s="40"/>
      <c r="P165" s="40"/>
      <c r="Q165" s="40"/>
      <c r="R165" s="40"/>
      <c r="S165" s="40"/>
    </row>
    <row r="166" spans="2:19" ht="13.5">
      <c r="B166" s="40"/>
      <c r="C166" s="40"/>
      <c r="D166" s="40"/>
      <c r="E166" s="40"/>
      <c r="F166" s="40"/>
      <c r="G166" s="40"/>
      <c r="H166" s="40"/>
      <c r="L166" s="40"/>
      <c r="M166" s="40"/>
      <c r="N166" s="40"/>
      <c r="O166" s="40"/>
      <c r="P166" s="40"/>
      <c r="Q166" s="40"/>
      <c r="R166" s="40"/>
      <c r="S166" s="40"/>
    </row>
    <row r="167" spans="2:19" ht="13.5">
      <c r="B167" s="40"/>
      <c r="C167" s="40"/>
      <c r="D167" s="40"/>
      <c r="E167" s="40"/>
      <c r="F167" s="40"/>
      <c r="G167" s="40"/>
      <c r="H167" s="40"/>
      <c r="L167" s="40"/>
      <c r="M167" s="40"/>
      <c r="N167" s="40"/>
      <c r="O167" s="40"/>
      <c r="P167" s="40"/>
      <c r="Q167" s="40"/>
      <c r="R167" s="40"/>
      <c r="S167" s="40"/>
    </row>
    <row r="168" spans="2:19" ht="13.5">
      <c r="B168" s="40"/>
      <c r="C168" s="40"/>
      <c r="D168" s="40"/>
      <c r="E168" s="40"/>
      <c r="F168" s="40"/>
      <c r="G168" s="40"/>
      <c r="H168" s="40"/>
      <c r="L168" s="40"/>
      <c r="M168" s="40"/>
      <c r="N168" s="40"/>
      <c r="O168" s="40"/>
      <c r="P168" s="40"/>
      <c r="Q168" s="40"/>
      <c r="R168" s="40"/>
      <c r="S168" s="40"/>
    </row>
    <row r="169" spans="2:19" ht="13.5">
      <c r="B169" s="40"/>
      <c r="C169" s="40"/>
      <c r="D169" s="40"/>
      <c r="E169" s="40"/>
      <c r="F169" s="40"/>
      <c r="G169" s="40"/>
      <c r="H169" s="40"/>
      <c r="L169" s="40"/>
      <c r="M169" s="40"/>
      <c r="N169" s="40"/>
      <c r="O169" s="40"/>
      <c r="P169" s="40"/>
      <c r="Q169" s="40"/>
      <c r="R169" s="40"/>
      <c r="S169" s="40"/>
    </row>
    <row r="170" spans="2:19" ht="13.5">
      <c r="B170" s="40"/>
      <c r="C170" s="40"/>
      <c r="D170" s="40"/>
      <c r="E170" s="40"/>
      <c r="F170" s="40"/>
      <c r="G170" s="40"/>
      <c r="H170" s="40"/>
      <c r="L170" s="40"/>
      <c r="M170" s="40"/>
      <c r="N170" s="40"/>
      <c r="O170" s="40"/>
      <c r="P170" s="40"/>
      <c r="Q170" s="40"/>
      <c r="R170" s="40"/>
      <c r="S170" s="40"/>
    </row>
    <row r="171" spans="2:19" ht="13.5">
      <c r="B171" s="40"/>
      <c r="C171" s="40"/>
      <c r="D171" s="40"/>
      <c r="E171" s="40"/>
      <c r="F171" s="40"/>
      <c r="G171" s="40"/>
      <c r="H171" s="40"/>
      <c r="L171" s="40"/>
      <c r="M171" s="40"/>
      <c r="N171" s="40"/>
      <c r="O171" s="40"/>
      <c r="P171" s="40"/>
      <c r="Q171" s="40"/>
      <c r="R171" s="40"/>
      <c r="S171" s="40"/>
    </row>
    <row r="172" spans="2:19" ht="13.5">
      <c r="B172" s="40"/>
      <c r="C172" s="40"/>
      <c r="D172" s="40"/>
      <c r="E172" s="40"/>
      <c r="F172" s="40"/>
      <c r="G172" s="40"/>
      <c r="H172" s="40"/>
      <c r="L172" s="40"/>
      <c r="M172" s="40"/>
      <c r="N172" s="40"/>
      <c r="O172" s="40"/>
      <c r="P172" s="40"/>
      <c r="Q172" s="40"/>
      <c r="R172" s="40"/>
      <c r="S172" s="40"/>
    </row>
    <row r="173" spans="2:19" ht="13.5">
      <c r="B173" s="40"/>
      <c r="C173" s="40"/>
      <c r="D173" s="40"/>
      <c r="E173" s="40"/>
      <c r="F173" s="40"/>
      <c r="G173" s="40"/>
      <c r="H173" s="40"/>
      <c r="L173" s="40"/>
      <c r="M173" s="40"/>
      <c r="N173" s="40"/>
      <c r="O173" s="40"/>
      <c r="P173" s="40"/>
      <c r="Q173" s="40"/>
      <c r="R173" s="40"/>
      <c r="S173" s="40"/>
    </row>
    <row r="174" spans="2:19" ht="13.5">
      <c r="B174" s="40"/>
      <c r="C174" s="40"/>
      <c r="D174" s="40"/>
      <c r="E174" s="40"/>
      <c r="F174" s="40"/>
      <c r="G174" s="40"/>
      <c r="H174" s="40"/>
      <c r="L174" s="40"/>
      <c r="M174" s="40"/>
      <c r="N174" s="40"/>
      <c r="O174" s="40"/>
      <c r="P174" s="40"/>
      <c r="Q174" s="40"/>
      <c r="R174" s="40"/>
      <c r="S174" s="40"/>
    </row>
    <row r="175" spans="2:19" ht="13.5">
      <c r="B175" s="40"/>
      <c r="C175" s="40"/>
      <c r="D175" s="40"/>
      <c r="E175" s="40"/>
      <c r="F175" s="40"/>
      <c r="G175" s="40"/>
      <c r="H175" s="40"/>
      <c r="L175" s="40"/>
      <c r="M175" s="40"/>
      <c r="N175" s="40"/>
      <c r="O175" s="40"/>
      <c r="P175" s="40"/>
      <c r="Q175" s="40"/>
      <c r="R175" s="40"/>
      <c r="S175" s="40"/>
    </row>
    <row r="176" spans="2:19" ht="13.5">
      <c r="B176" s="40"/>
      <c r="C176" s="40"/>
      <c r="D176" s="40"/>
      <c r="E176" s="40"/>
      <c r="F176" s="40"/>
      <c r="G176" s="40"/>
      <c r="H176" s="40"/>
      <c r="L176" s="40"/>
      <c r="M176" s="40"/>
      <c r="N176" s="40"/>
      <c r="O176" s="40"/>
      <c r="P176" s="40"/>
      <c r="Q176" s="40"/>
      <c r="R176" s="40"/>
      <c r="S176" s="40"/>
    </row>
    <row r="177" spans="2:19" ht="13.5">
      <c r="B177" s="40"/>
      <c r="C177" s="40"/>
      <c r="D177" s="40"/>
      <c r="E177" s="40"/>
      <c r="F177" s="40"/>
      <c r="G177" s="40"/>
      <c r="H177" s="40"/>
      <c r="L177" s="40"/>
      <c r="M177" s="40"/>
      <c r="N177" s="40"/>
      <c r="O177" s="40"/>
      <c r="P177" s="40"/>
      <c r="Q177" s="40"/>
      <c r="R177" s="40"/>
      <c r="S177" s="40"/>
    </row>
    <row r="178" spans="2:19" ht="13.5">
      <c r="B178" s="40"/>
      <c r="C178" s="40"/>
      <c r="D178" s="40"/>
      <c r="E178" s="40"/>
      <c r="F178" s="40"/>
      <c r="G178" s="40"/>
      <c r="H178" s="40"/>
      <c r="L178" s="40"/>
      <c r="M178" s="40"/>
      <c r="N178" s="40"/>
      <c r="O178" s="40"/>
      <c r="P178" s="40"/>
      <c r="Q178" s="40"/>
      <c r="R178" s="40"/>
      <c r="S178" s="40"/>
    </row>
    <row r="179" spans="2:19" ht="13.5">
      <c r="B179" s="40"/>
      <c r="C179" s="40"/>
      <c r="D179" s="40"/>
      <c r="E179" s="40"/>
      <c r="F179" s="40"/>
      <c r="G179" s="40"/>
      <c r="H179" s="40"/>
      <c r="L179" s="40"/>
      <c r="M179" s="40"/>
      <c r="N179" s="40"/>
      <c r="O179" s="40"/>
      <c r="P179" s="40"/>
      <c r="Q179" s="40"/>
      <c r="R179" s="40"/>
      <c r="S179" s="40"/>
    </row>
    <row r="180" spans="2:19" ht="13.5">
      <c r="B180" s="40"/>
      <c r="C180" s="40"/>
      <c r="D180" s="40"/>
      <c r="E180" s="40"/>
      <c r="F180" s="40"/>
      <c r="G180" s="40"/>
      <c r="H180" s="40"/>
      <c r="L180" s="40"/>
      <c r="M180" s="40"/>
      <c r="N180" s="40"/>
      <c r="O180" s="40"/>
      <c r="P180" s="40"/>
      <c r="Q180" s="40"/>
      <c r="R180" s="40"/>
      <c r="S180" s="40"/>
    </row>
    <row r="181" spans="2:19" ht="13.5">
      <c r="B181" s="40"/>
      <c r="C181" s="40"/>
      <c r="D181" s="40"/>
      <c r="E181" s="40"/>
      <c r="F181" s="40"/>
      <c r="G181" s="40"/>
      <c r="H181" s="40"/>
      <c r="L181" s="40"/>
      <c r="M181" s="40"/>
      <c r="N181" s="40"/>
      <c r="O181" s="40"/>
      <c r="P181" s="40"/>
      <c r="Q181" s="40"/>
      <c r="R181" s="40"/>
      <c r="S181" s="40"/>
    </row>
    <row r="182" spans="2:19" ht="13.5">
      <c r="B182" s="40"/>
      <c r="C182" s="40"/>
      <c r="D182" s="40"/>
      <c r="E182" s="40"/>
      <c r="F182" s="40"/>
      <c r="G182" s="40"/>
      <c r="H182" s="40"/>
      <c r="L182" s="40"/>
      <c r="M182" s="40"/>
      <c r="N182" s="40"/>
      <c r="O182" s="40"/>
      <c r="P182" s="40"/>
      <c r="Q182" s="40"/>
      <c r="R182" s="40"/>
      <c r="S182" s="40"/>
    </row>
    <row r="183" spans="2:19" ht="13.5">
      <c r="B183" s="40"/>
      <c r="C183" s="40"/>
      <c r="D183" s="40"/>
      <c r="E183" s="40"/>
      <c r="F183" s="40"/>
      <c r="G183" s="40"/>
      <c r="H183" s="40"/>
      <c r="L183" s="40"/>
      <c r="M183" s="40"/>
      <c r="N183" s="40"/>
      <c r="O183" s="40"/>
      <c r="P183" s="40"/>
      <c r="Q183" s="40"/>
      <c r="R183" s="40"/>
      <c r="S183" s="40"/>
    </row>
    <row r="184" spans="2:19" ht="13.5">
      <c r="B184" s="40"/>
      <c r="C184" s="40"/>
      <c r="D184" s="40"/>
      <c r="E184" s="40"/>
      <c r="F184" s="40"/>
      <c r="G184" s="40"/>
      <c r="H184" s="40"/>
      <c r="L184" s="40"/>
      <c r="M184" s="40"/>
      <c r="N184" s="40"/>
      <c r="O184" s="40"/>
      <c r="P184" s="40"/>
      <c r="Q184" s="40"/>
      <c r="R184" s="40"/>
      <c r="S184" s="40"/>
    </row>
    <row r="185" spans="2:19" ht="13.5">
      <c r="B185" s="40"/>
      <c r="C185" s="40"/>
      <c r="D185" s="40"/>
      <c r="E185" s="40"/>
      <c r="F185" s="40"/>
      <c r="G185" s="40"/>
      <c r="H185" s="40"/>
      <c r="L185" s="40"/>
      <c r="M185" s="40"/>
      <c r="N185" s="40"/>
      <c r="O185" s="40"/>
      <c r="P185" s="40"/>
      <c r="Q185" s="40"/>
      <c r="R185" s="40"/>
      <c r="S185" s="40"/>
    </row>
    <row r="186" spans="2:19" ht="13.5">
      <c r="B186" s="40"/>
      <c r="C186" s="40"/>
      <c r="D186" s="40"/>
      <c r="E186" s="40"/>
      <c r="F186" s="40"/>
      <c r="G186" s="40"/>
      <c r="H186" s="40"/>
      <c r="L186" s="40"/>
      <c r="M186" s="40"/>
      <c r="N186" s="40"/>
      <c r="O186" s="40"/>
      <c r="P186" s="40"/>
      <c r="Q186" s="40"/>
      <c r="R186" s="40"/>
      <c r="S186" s="40"/>
    </row>
    <row r="187" spans="2:19" ht="13.5">
      <c r="B187" s="40"/>
      <c r="C187" s="40"/>
      <c r="D187" s="40"/>
      <c r="E187" s="40"/>
      <c r="F187" s="40"/>
      <c r="G187" s="40"/>
      <c r="H187" s="40"/>
      <c r="L187" s="40"/>
      <c r="M187" s="40"/>
      <c r="N187" s="40"/>
      <c r="O187" s="40"/>
      <c r="P187" s="40"/>
      <c r="Q187" s="40"/>
      <c r="R187" s="40"/>
      <c r="S187" s="40"/>
    </row>
    <row r="188" spans="2:19" ht="13.5">
      <c r="B188" s="40"/>
      <c r="C188" s="40"/>
      <c r="D188" s="40"/>
      <c r="E188" s="40"/>
      <c r="F188" s="40"/>
      <c r="G188" s="40"/>
      <c r="H188" s="40"/>
      <c r="L188" s="40"/>
      <c r="M188" s="40"/>
      <c r="N188" s="40"/>
      <c r="O188" s="40"/>
      <c r="P188" s="40"/>
      <c r="Q188" s="40"/>
      <c r="R188" s="40"/>
      <c r="S188" s="40"/>
    </row>
    <row r="189" spans="2:19" ht="13.5">
      <c r="B189" s="40"/>
      <c r="C189" s="40"/>
      <c r="D189" s="40"/>
      <c r="E189" s="40"/>
      <c r="F189" s="40"/>
      <c r="G189" s="40"/>
      <c r="H189" s="40"/>
      <c r="L189" s="40"/>
      <c r="M189" s="40"/>
      <c r="N189" s="40"/>
      <c r="O189" s="40"/>
      <c r="P189" s="40"/>
      <c r="Q189" s="40"/>
      <c r="R189" s="40"/>
      <c r="S189" s="40"/>
    </row>
    <row r="190" spans="2:19" ht="13.5">
      <c r="B190" s="40"/>
      <c r="C190" s="40"/>
      <c r="D190" s="40"/>
      <c r="E190" s="40"/>
      <c r="F190" s="40"/>
      <c r="G190" s="40"/>
      <c r="H190" s="40"/>
      <c r="L190" s="40"/>
      <c r="M190" s="40"/>
      <c r="N190" s="40"/>
      <c r="O190" s="40"/>
      <c r="P190" s="40"/>
      <c r="Q190" s="40"/>
      <c r="R190" s="40"/>
      <c r="S190" s="40"/>
    </row>
    <row r="191" spans="2:19" ht="13.5">
      <c r="B191" s="40"/>
      <c r="C191" s="40"/>
      <c r="D191" s="40"/>
      <c r="E191" s="40"/>
      <c r="F191" s="40"/>
      <c r="G191" s="40"/>
      <c r="H191" s="40"/>
      <c r="L191" s="40"/>
      <c r="M191" s="40"/>
      <c r="N191" s="40"/>
      <c r="O191" s="40"/>
      <c r="P191" s="40"/>
      <c r="Q191" s="40"/>
      <c r="R191" s="40"/>
      <c r="S191" s="40"/>
    </row>
    <row r="192" spans="2:19" ht="13.5">
      <c r="B192" s="40"/>
      <c r="C192" s="40"/>
      <c r="D192" s="40"/>
      <c r="E192" s="40"/>
      <c r="F192" s="40"/>
      <c r="G192" s="40"/>
      <c r="H192" s="40"/>
      <c r="L192" s="40"/>
      <c r="M192" s="40"/>
      <c r="N192" s="40"/>
      <c r="O192" s="40"/>
      <c r="P192" s="40"/>
      <c r="Q192" s="40"/>
      <c r="R192" s="40"/>
      <c r="S192" s="40"/>
    </row>
    <row r="193" spans="2:19" ht="13.5">
      <c r="B193" s="40"/>
      <c r="C193" s="40"/>
      <c r="D193" s="40"/>
      <c r="E193" s="40"/>
      <c r="F193" s="40"/>
      <c r="G193" s="40"/>
      <c r="H193" s="40"/>
      <c r="L193" s="40"/>
      <c r="M193" s="40"/>
      <c r="N193" s="40"/>
      <c r="O193" s="40"/>
      <c r="P193" s="40"/>
      <c r="Q193" s="40"/>
      <c r="R193" s="40"/>
      <c r="S193" s="40"/>
    </row>
    <row r="194" spans="2:19" ht="13.5">
      <c r="B194" s="40"/>
      <c r="C194" s="40"/>
      <c r="D194" s="40"/>
      <c r="E194" s="40"/>
      <c r="F194" s="40"/>
      <c r="G194" s="40"/>
      <c r="H194" s="40"/>
      <c r="L194" s="40"/>
      <c r="M194" s="40"/>
      <c r="N194" s="40"/>
      <c r="O194" s="40"/>
      <c r="P194" s="40"/>
      <c r="Q194" s="40"/>
      <c r="R194" s="40"/>
      <c r="S194" s="40"/>
    </row>
    <row r="195" spans="2:19" ht="13.5">
      <c r="B195" s="40"/>
      <c r="C195" s="40"/>
      <c r="D195" s="40"/>
      <c r="E195" s="40"/>
      <c r="F195" s="40"/>
      <c r="G195" s="40"/>
      <c r="H195" s="40"/>
      <c r="L195" s="40"/>
      <c r="M195" s="40"/>
      <c r="N195" s="40"/>
      <c r="O195" s="40"/>
      <c r="P195" s="40"/>
      <c r="Q195" s="40"/>
      <c r="R195" s="40"/>
      <c r="S195" s="40"/>
    </row>
    <row r="196" spans="2:19" ht="13.5">
      <c r="B196" s="40"/>
      <c r="C196" s="40"/>
      <c r="D196" s="40"/>
      <c r="E196" s="40"/>
      <c r="F196" s="40"/>
      <c r="G196" s="40"/>
      <c r="H196" s="40"/>
      <c r="L196" s="40"/>
      <c r="M196" s="40"/>
      <c r="N196" s="40"/>
      <c r="O196" s="40"/>
      <c r="P196" s="40"/>
      <c r="Q196" s="40"/>
      <c r="R196" s="40"/>
      <c r="S196" s="40"/>
    </row>
    <row r="197" spans="2:19" ht="13.5">
      <c r="B197" s="40"/>
      <c r="C197" s="40"/>
      <c r="D197" s="40"/>
      <c r="E197" s="40"/>
      <c r="F197" s="40"/>
      <c r="G197" s="40"/>
      <c r="H197" s="40"/>
      <c r="L197" s="40"/>
      <c r="M197" s="40"/>
      <c r="N197" s="40"/>
      <c r="O197" s="40"/>
      <c r="P197" s="40"/>
      <c r="Q197" s="40"/>
      <c r="R197" s="40"/>
      <c r="S197" s="40"/>
    </row>
    <row r="198" spans="2:19" ht="13.5">
      <c r="B198" s="40"/>
      <c r="C198" s="40"/>
      <c r="D198" s="40"/>
      <c r="E198" s="40"/>
      <c r="F198" s="40"/>
      <c r="G198" s="40"/>
      <c r="H198" s="40"/>
      <c r="L198" s="40"/>
      <c r="M198" s="40"/>
      <c r="N198" s="40"/>
      <c r="O198" s="40"/>
      <c r="P198" s="40"/>
      <c r="Q198" s="40"/>
      <c r="R198" s="40"/>
      <c r="S198" s="40"/>
    </row>
    <row r="199" spans="2:19" ht="13.5">
      <c r="B199" s="40"/>
      <c r="C199" s="40"/>
      <c r="D199" s="40"/>
      <c r="E199" s="40"/>
      <c r="F199" s="40"/>
      <c r="G199" s="40"/>
      <c r="H199" s="40"/>
      <c r="L199" s="40"/>
      <c r="M199" s="40"/>
      <c r="N199" s="40"/>
      <c r="O199" s="40"/>
      <c r="P199" s="40"/>
      <c r="Q199" s="40"/>
      <c r="R199" s="40"/>
      <c r="S199" s="40"/>
    </row>
    <row r="200" spans="2:19" ht="13.5">
      <c r="B200" s="40"/>
      <c r="C200" s="40"/>
      <c r="D200" s="40"/>
      <c r="E200" s="40"/>
      <c r="F200" s="40"/>
      <c r="G200" s="40"/>
      <c r="H200" s="40"/>
      <c r="L200" s="40"/>
      <c r="M200" s="40"/>
      <c r="N200" s="40"/>
      <c r="O200" s="40"/>
      <c r="P200" s="40"/>
      <c r="Q200" s="40"/>
      <c r="R200" s="40"/>
      <c r="S200" s="40"/>
    </row>
    <row r="201" spans="2:19" ht="13.5">
      <c r="B201" s="40"/>
      <c r="C201" s="40"/>
      <c r="D201" s="40"/>
      <c r="E201" s="40"/>
      <c r="F201" s="40"/>
      <c r="G201" s="40"/>
      <c r="H201" s="40"/>
      <c r="L201" s="40"/>
      <c r="M201" s="40"/>
      <c r="N201" s="40"/>
      <c r="O201" s="40"/>
      <c r="P201" s="40"/>
      <c r="Q201" s="40"/>
      <c r="R201" s="40"/>
      <c r="S201" s="40"/>
    </row>
    <row r="202" spans="2:19" ht="13.5">
      <c r="B202" s="40"/>
      <c r="C202" s="40"/>
      <c r="D202" s="40"/>
      <c r="E202" s="40"/>
      <c r="F202" s="40"/>
      <c r="G202" s="40"/>
      <c r="H202" s="40"/>
      <c r="L202" s="40"/>
      <c r="M202" s="40"/>
      <c r="N202" s="40"/>
      <c r="O202" s="40"/>
      <c r="P202" s="40"/>
      <c r="Q202" s="40"/>
      <c r="R202" s="40"/>
      <c r="S202" s="40"/>
    </row>
    <row r="203" spans="2:19" ht="13.5">
      <c r="B203" s="40"/>
      <c r="C203" s="40"/>
      <c r="D203" s="40"/>
      <c r="E203" s="40"/>
      <c r="F203" s="40"/>
      <c r="G203" s="40"/>
      <c r="H203" s="40"/>
      <c r="L203" s="40"/>
      <c r="M203" s="40"/>
      <c r="N203" s="40"/>
      <c r="O203" s="40"/>
      <c r="P203" s="40"/>
      <c r="Q203" s="40"/>
      <c r="R203" s="40"/>
      <c r="S203" s="40"/>
    </row>
    <row r="204" spans="2:19" ht="13.5">
      <c r="B204" s="40"/>
      <c r="C204" s="40"/>
      <c r="D204" s="40"/>
      <c r="E204" s="40"/>
      <c r="F204" s="40"/>
      <c r="G204" s="40"/>
      <c r="H204" s="40"/>
      <c r="L204" s="40"/>
      <c r="M204" s="40"/>
      <c r="N204" s="40"/>
      <c r="O204" s="40"/>
      <c r="P204" s="40"/>
      <c r="Q204" s="40"/>
      <c r="R204" s="40"/>
      <c r="S204" s="40"/>
    </row>
    <row r="205" spans="2:19" ht="13.5">
      <c r="B205" s="40"/>
      <c r="C205" s="40"/>
      <c r="D205" s="40"/>
      <c r="E205" s="40"/>
      <c r="F205" s="40"/>
      <c r="G205" s="40"/>
      <c r="H205" s="40"/>
      <c r="L205" s="40"/>
      <c r="M205" s="40"/>
      <c r="N205" s="40"/>
      <c r="O205" s="40"/>
      <c r="P205" s="40"/>
      <c r="Q205" s="40"/>
      <c r="R205" s="40"/>
      <c r="S205" s="40"/>
    </row>
    <row r="206" spans="2:19" ht="13.5">
      <c r="B206" s="40"/>
      <c r="C206" s="40"/>
      <c r="D206" s="40"/>
      <c r="E206" s="40"/>
      <c r="F206" s="40"/>
      <c r="G206" s="40"/>
      <c r="H206" s="40"/>
      <c r="L206" s="40"/>
      <c r="M206" s="40"/>
      <c r="N206" s="40"/>
      <c r="O206" s="40"/>
      <c r="P206" s="40"/>
      <c r="Q206" s="40"/>
      <c r="R206" s="40"/>
      <c r="S206" s="40"/>
    </row>
    <row r="207" spans="2:19" ht="13.5">
      <c r="B207" s="40"/>
      <c r="C207" s="40"/>
      <c r="D207" s="40"/>
      <c r="E207" s="40"/>
      <c r="F207" s="40"/>
      <c r="G207" s="40"/>
      <c r="H207" s="40"/>
      <c r="L207" s="40"/>
      <c r="M207" s="40"/>
      <c r="N207" s="40"/>
      <c r="O207" s="40"/>
      <c r="P207" s="40"/>
      <c r="Q207" s="40"/>
      <c r="R207" s="40"/>
      <c r="S207" s="40"/>
    </row>
    <row r="208" spans="2:19" ht="13.5">
      <c r="B208" s="40"/>
      <c r="C208" s="40"/>
      <c r="D208" s="40"/>
      <c r="E208" s="40"/>
      <c r="F208" s="40"/>
      <c r="G208" s="40"/>
      <c r="H208" s="40"/>
      <c r="L208" s="40"/>
      <c r="M208" s="40"/>
      <c r="N208" s="40"/>
      <c r="O208" s="40"/>
      <c r="P208" s="40"/>
      <c r="Q208" s="40"/>
      <c r="R208" s="40"/>
      <c r="S208" s="40"/>
    </row>
    <row r="209" spans="2:19" ht="13.5">
      <c r="B209" s="40"/>
      <c r="C209" s="40"/>
      <c r="D209" s="40"/>
      <c r="E209" s="40"/>
      <c r="F209" s="40"/>
      <c r="G209" s="40"/>
      <c r="H209" s="40"/>
      <c r="L209" s="40"/>
      <c r="M209" s="40"/>
      <c r="N209" s="40"/>
      <c r="O209" s="40"/>
      <c r="P209" s="40"/>
      <c r="Q209" s="40"/>
      <c r="R209" s="40"/>
      <c r="S209" s="40"/>
    </row>
    <row r="210" spans="2:19" ht="13.5">
      <c r="B210" s="40"/>
      <c r="C210" s="40"/>
      <c r="D210" s="40"/>
      <c r="E210" s="40"/>
      <c r="F210" s="40"/>
      <c r="G210" s="40"/>
      <c r="H210" s="40"/>
      <c r="L210" s="40"/>
      <c r="M210" s="40"/>
      <c r="N210" s="40"/>
      <c r="O210" s="40"/>
      <c r="P210" s="40"/>
      <c r="Q210" s="40"/>
      <c r="R210" s="40"/>
      <c r="S210" s="40"/>
    </row>
    <row r="211" spans="2:19" ht="13.5">
      <c r="B211" s="40"/>
      <c r="C211" s="40"/>
      <c r="D211" s="40"/>
      <c r="E211" s="40"/>
      <c r="F211" s="40"/>
      <c r="G211" s="40"/>
      <c r="H211" s="40"/>
      <c r="L211" s="40"/>
      <c r="M211" s="40"/>
      <c r="N211" s="40"/>
      <c r="O211" s="40"/>
      <c r="P211" s="40"/>
      <c r="Q211" s="40"/>
      <c r="R211" s="40"/>
      <c r="S211" s="40"/>
    </row>
    <row r="212" spans="2:19" ht="13.5">
      <c r="B212" s="40"/>
      <c r="C212" s="40"/>
      <c r="D212" s="40"/>
      <c r="E212" s="40"/>
      <c r="F212" s="40"/>
      <c r="G212" s="40"/>
      <c r="H212" s="40"/>
      <c r="L212" s="40"/>
      <c r="M212" s="40"/>
      <c r="N212" s="40"/>
      <c r="O212" s="40"/>
      <c r="P212" s="40"/>
      <c r="Q212" s="40"/>
      <c r="R212" s="40"/>
      <c r="S212" s="40"/>
    </row>
    <row r="213" spans="2:19" ht="13.5">
      <c r="B213" s="40"/>
      <c r="C213" s="40"/>
      <c r="D213" s="40"/>
      <c r="E213" s="40"/>
      <c r="F213" s="40"/>
      <c r="G213" s="40"/>
      <c r="H213" s="40"/>
      <c r="L213" s="40"/>
      <c r="M213" s="40"/>
      <c r="N213" s="40"/>
      <c r="O213" s="40"/>
      <c r="P213" s="40"/>
      <c r="Q213" s="40"/>
      <c r="R213" s="40"/>
      <c r="S213" s="40"/>
    </row>
    <row r="214" spans="2:19" ht="13.5">
      <c r="B214" s="40"/>
      <c r="C214" s="40"/>
      <c r="D214" s="40"/>
      <c r="E214" s="40"/>
      <c r="F214" s="40"/>
      <c r="G214" s="40"/>
      <c r="H214" s="40"/>
      <c r="L214" s="40"/>
      <c r="M214" s="40"/>
      <c r="N214" s="40"/>
      <c r="O214" s="40"/>
      <c r="P214" s="40"/>
      <c r="Q214" s="40"/>
      <c r="R214" s="40"/>
      <c r="S214" s="40"/>
    </row>
    <row r="215" spans="2:19" ht="13.5">
      <c r="B215" s="40"/>
      <c r="C215" s="40"/>
      <c r="D215" s="40"/>
      <c r="E215" s="40"/>
      <c r="F215" s="40"/>
      <c r="G215" s="40"/>
      <c r="H215" s="40"/>
      <c r="L215" s="40"/>
      <c r="M215" s="40"/>
      <c r="N215" s="40"/>
      <c r="O215" s="40"/>
      <c r="P215" s="40"/>
      <c r="Q215" s="40"/>
      <c r="R215" s="40"/>
      <c r="S215" s="40"/>
    </row>
    <row r="216" spans="2:19" ht="13.5">
      <c r="B216" s="40"/>
      <c r="C216" s="40"/>
      <c r="D216" s="40"/>
      <c r="E216" s="40"/>
      <c r="F216" s="40"/>
      <c r="G216" s="40"/>
      <c r="H216" s="40"/>
      <c r="L216" s="40"/>
      <c r="M216" s="40"/>
      <c r="N216" s="40"/>
      <c r="O216" s="40"/>
      <c r="P216" s="40"/>
      <c r="Q216" s="40"/>
      <c r="R216" s="40"/>
      <c r="S216" s="40"/>
    </row>
    <row r="217" spans="2:19" ht="13.5">
      <c r="B217" s="40"/>
      <c r="C217" s="40"/>
      <c r="D217" s="40"/>
      <c r="E217" s="40"/>
      <c r="F217" s="40"/>
      <c r="G217" s="40"/>
      <c r="H217" s="40"/>
      <c r="L217" s="40"/>
      <c r="M217" s="40"/>
      <c r="N217" s="40"/>
      <c r="O217" s="40"/>
      <c r="P217" s="40"/>
      <c r="Q217" s="40"/>
      <c r="R217" s="40"/>
      <c r="S217" s="40"/>
    </row>
    <row r="218" spans="2:19" ht="13.5">
      <c r="B218" s="40"/>
      <c r="C218" s="40"/>
      <c r="D218" s="40"/>
      <c r="E218" s="40"/>
      <c r="F218" s="40"/>
      <c r="G218" s="40"/>
      <c r="H218" s="40"/>
      <c r="L218" s="40"/>
      <c r="M218" s="40"/>
      <c r="N218" s="40"/>
      <c r="O218" s="40"/>
      <c r="P218" s="40"/>
      <c r="Q218" s="40"/>
      <c r="R218" s="40"/>
      <c r="S218" s="40"/>
    </row>
    <row r="219" spans="2:19" ht="13.5">
      <c r="B219" s="40"/>
      <c r="C219" s="40"/>
      <c r="D219" s="40"/>
      <c r="E219" s="40"/>
      <c r="F219" s="40"/>
      <c r="G219" s="40"/>
      <c r="H219" s="40"/>
      <c r="L219" s="40"/>
      <c r="M219" s="40"/>
      <c r="N219" s="40"/>
      <c r="O219" s="40"/>
      <c r="P219" s="40"/>
      <c r="Q219" s="40"/>
      <c r="R219" s="40"/>
      <c r="S219" s="40"/>
    </row>
    <row r="220" spans="2:19" ht="13.5">
      <c r="B220" s="40"/>
      <c r="C220" s="40"/>
      <c r="D220" s="40"/>
      <c r="E220" s="40"/>
      <c r="F220" s="40"/>
      <c r="G220" s="40"/>
      <c r="H220" s="40"/>
      <c r="L220" s="40"/>
      <c r="M220" s="40"/>
      <c r="N220" s="40"/>
      <c r="O220" s="40"/>
      <c r="P220" s="40"/>
      <c r="Q220" s="40"/>
      <c r="R220" s="40"/>
      <c r="S220" s="40"/>
    </row>
    <row r="221" spans="2:19" ht="13.5">
      <c r="B221" s="40"/>
      <c r="C221" s="40"/>
      <c r="D221" s="40"/>
      <c r="E221" s="40"/>
      <c r="F221" s="40"/>
      <c r="G221" s="40"/>
      <c r="H221" s="40"/>
      <c r="L221" s="40"/>
      <c r="M221" s="40"/>
      <c r="N221" s="40"/>
      <c r="O221" s="40"/>
      <c r="P221" s="40"/>
      <c r="Q221" s="40"/>
      <c r="R221" s="40"/>
      <c r="S221" s="40"/>
    </row>
    <row r="222" spans="2:19" ht="13.5">
      <c r="B222" s="40"/>
      <c r="C222" s="40"/>
      <c r="D222" s="40"/>
      <c r="E222" s="40"/>
      <c r="F222" s="40"/>
      <c r="G222" s="40"/>
      <c r="H222" s="40"/>
      <c r="L222" s="40"/>
      <c r="M222" s="40"/>
      <c r="N222" s="40"/>
      <c r="O222" s="40"/>
      <c r="P222" s="40"/>
      <c r="Q222" s="40"/>
      <c r="R222" s="40"/>
      <c r="S222" s="40"/>
    </row>
    <row r="223" spans="2:19" ht="13.5">
      <c r="B223" s="40"/>
      <c r="C223" s="40"/>
      <c r="D223" s="40"/>
      <c r="E223" s="40"/>
      <c r="F223" s="40"/>
      <c r="G223" s="40"/>
      <c r="H223" s="40"/>
      <c r="L223" s="40"/>
      <c r="M223" s="40"/>
      <c r="N223" s="40"/>
      <c r="O223" s="40"/>
      <c r="P223" s="40"/>
      <c r="Q223" s="40"/>
      <c r="R223" s="40"/>
      <c r="S223" s="40"/>
    </row>
    <row r="224" spans="2:19" ht="13.5">
      <c r="B224" s="40"/>
      <c r="C224" s="40"/>
      <c r="D224" s="40"/>
      <c r="E224" s="40"/>
      <c r="F224" s="40"/>
      <c r="G224" s="40"/>
      <c r="H224" s="40"/>
      <c r="L224" s="40"/>
      <c r="M224" s="40"/>
      <c r="N224" s="40"/>
      <c r="O224" s="40"/>
      <c r="P224" s="40"/>
      <c r="Q224" s="40"/>
      <c r="R224" s="40"/>
      <c r="S224" s="40"/>
    </row>
    <row r="225" spans="2:19" ht="13.5">
      <c r="B225" s="40"/>
      <c r="C225" s="40"/>
      <c r="D225" s="40"/>
      <c r="E225" s="40"/>
      <c r="F225" s="40"/>
      <c r="G225" s="40"/>
      <c r="H225" s="40"/>
      <c r="L225" s="40"/>
      <c r="M225" s="40"/>
      <c r="N225" s="40"/>
      <c r="O225" s="40"/>
      <c r="P225" s="40"/>
      <c r="Q225" s="40"/>
      <c r="R225" s="40"/>
      <c r="S225" s="40"/>
    </row>
    <row r="226" spans="2:19" ht="13.5">
      <c r="B226" s="40"/>
      <c r="C226" s="40"/>
      <c r="D226" s="40"/>
      <c r="E226" s="40"/>
      <c r="F226" s="40"/>
      <c r="G226" s="40"/>
      <c r="H226" s="40"/>
      <c r="L226" s="40"/>
      <c r="M226" s="40"/>
      <c r="N226" s="40"/>
      <c r="O226" s="40"/>
      <c r="P226" s="40"/>
      <c r="Q226" s="40"/>
      <c r="R226" s="40"/>
      <c r="S226" s="40"/>
    </row>
    <row r="227" spans="2:19" ht="13.5">
      <c r="B227" s="40"/>
      <c r="C227" s="40"/>
      <c r="D227" s="40"/>
      <c r="E227" s="40"/>
      <c r="F227" s="40"/>
      <c r="G227" s="40"/>
      <c r="H227" s="40"/>
      <c r="L227" s="40"/>
      <c r="M227" s="40"/>
      <c r="N227" s="40"/>
      <c r="O227" s="40"/>
      <c r="P227" s="40"/>
      <c r="Q227" s="40"/>
      <c r="R227" s="40"/>
      <c r="S227" s="40"/>
    </row>
    <row r="228" spans="2:19" ht="13.5">
      <c r="B228" s="40"/>
      <c r="C228" s="40"/>
      <c r="D228" s="40"/>
      <c r="E228" s="40"/>
      <c r="F228" s="40"/>
      <c r="G228" s="40"/>
      <c r="H228" s="40"/>
      <c r="L228" s="40"/>
      <c r="M228" s="40"/>
      <c r="N228" s="40"/>
      <c r="O228" s="40"/>
      <c r="P228" s="40"/>
      <c r="Q228" s="40"/>
      <c r="R228" s="40"/>
      <c r="S228" s="40"/>
    </row>
    <row r="229" spans="2:19" ht="13.5">
      <c r="B229" s="40"/>
      <c r="C229" s="40"/>
      <c r="D229" s="40"/>
      <c r="E229" s="40"/>
      <c r="F229" s="40"/>
      <c r="G229" s="40"/>
      <c r="H229" s="40"/>
      <c r="L229" s="40"/>
      <c r="M229" s="40"/>
      <c r="N229" s="40"/>
      <c r="O229" s="40"/>
      <c r="P229" s="40"/>
      <c r="Q229" s="40"/>
      <c r="R229" s="40"/>
      <c r="S229" s="40"/>
    </row>
    <row r="230" spans="2:19" ht="13.5">
      <c r="B230" s="40"/>
      <c r="C230" s="40"/>
      <c r="D230" s="40"/>
      <c r="E230" s="40"/>
      <c r="F230" s="40"/>
      <c r="G230" s="40"/>
      <c r="H230" s="40"/>
      <c r="L230" s="40"/>
      <c r="M230" s="40"/>
      <c r="N230" s="40"/>
      <c r="O230" s="40"/>
      <c r="P230" s="40"/>
      <c r="Q230" s="40"/>
      <c r="R230" s="40"/>
      <c r="S230" s="40"/>
    </row>
    <row r="231" spans="2:19" ht="13.5">
      <c r="B231" s="40"/>
      <c r="C231" s="40"/>
      <c r="D231" s="40"/>
      <c r="E231" s="40"/>
      <c r="F231" s="40"/>
      <c r="G231" s="40"/>
      <c r="H231" s="40"/>
      <c r="L231" s="40"/>
      <c r="M231" s="40"/>
      <c r="N231" s="40"/>
      <c r="O231" s="40"/>
      <c r="P231" s="40"/>
      <c r="Q231" s="40"/>
      <c r="R231" s="40"/>
      <c r="S231" s="40"/>
    </row>
    <row r="232" spans="2:19" ht="13.5">
      <c r="B232" s="40"/>
      <c r="C232" s="40"/>
      <c r="D232" s="40"/>
      <c r="E232" s="40"/>
      <c r="F232" s="40"/>
      <c r="G232" s="40"/>
      <c r="H232" s="40"/>
      <c r="L232" s="40"/>
      <c r="M232" s="40"/>
      <c r="N232" s="40"/>
      <c r="O232" s="40"/>
      <c r="P232" s="40"/>
      <c r="Q232" s="40"/>
      <c r="R232" s="40"/>
      <c r="S232" s="40"/>
    </row>
    <row r="233" spans="2:19" ht="13.5">
      <c r="B233" s="40"/>
      <c r="C233" s="40"/>
      <c r="D233" s="40"/>
      <c r="E233" s="40"/>
      <c r="F233" s="40"/>
      <c r="G233" s="40"/>
      <c r="H233" s="40"/>
      <c r="L233" s="40"/>
      <c r="M233" s="40"/>
      <c r="N233" s="40"/>
      <c r="O233" s="40"/>
      <c r="P233" s="40"/>
      <c r="Q233" s="40"/>
      <c r="R233" s="40"/>
      <c r="S233" s="40"/>
    </row>
    <row r="234" spans="2:19" ht="13.5">
      <c r="B234" s="40"/>
      <c r="C234" s="40"/>
      <c r="D234" s="40"/>
      <c r="E234" s="40"/>
      <c r="F234" s="40"/>
      <c r="G234" s="40"/>
      <c r="H234" s="40"/>
      <c r="L234" s="40"/>
      <c r="M234" s="40"/>
      <c r="N234" s="40"/>
      <c r="O234" s="40"/>
      <c r="P234" s="40"/>
      <c r="Q234" s="40"/>
      <c r="R234" s="40"/>
      <c r="S234" s="40"/>
    </row>
    <row r="235" spans="2:19" ht="13.5">
      <c r="B235" s="40"/>
      <c r="C235" s="40"/>
      <c r="D235" s="40"/>
      <c r="E235" s="40"/>
      <c r="F235" s="40"/>
      <c r="G235" s="40"/>
      <c r="H235" s="40"/>
      <c r="L235" s="40"/>
      <c r="M235" s="40"/>
      <c r="N235" s="40"/>
      <c r="O235" s="40"/>
      <c r="P235" s="40"/>
      <c r="Q235" s="40"/>
      <c r="R235" s="40"/>
      <c r="S235" s="40"/>
    </row>
    <row r="236" spans="2:19" ht="13.5">
      <c r="B236" s="40"/>
      <c r="C236" s="40"/>
      <c r="D236" s="40"/>
      <c r="E236" s="40"/>
      <c r="F236" s="40"/>
      <c r="G236" s="40"/>
      <c r="H236" s="40"/>
      <c r="L236" s="40"/>
      <c r="M236" s="40"/>
      <c r="N236" s="40"/>
      <c r="O236" s="40"/>
      <c r="P236" s="40"/>
      <c r="Q236" s="40"/>
      <c r="R236" s="40"/>
      <c r="S236" s="40"/>
    </row>
    <row r="237" spans="2:19" ht="13.5">
      <c r="B237" s="40"/>
      <c r="C237" s="40"/>
      <c r="D237" s="40"/>
      <c r="E237" s="40"/>
      <c r="F237" s="40"/>
      <c r="G237" s="40"/>
      <c r="H237" s="40"/>
      <c r="L237" s="40"/>
      <c r="M237" s="40"/>
      <c r="N237" s="40"/>
      <c r="O237" s="40"/>
      <c r="P237" s="40"/>
      <c r="Q237" s="40"/>
      <c r="R237" s="40"/>
      <c r="S237" s="40"/>
    </row>
    <row r="238" spans="2:19" ht="13.5">
      <c r="B238" s="40"/>
      <c r="C238" s="40"/>
      <c r="D238" s="40"/>
      <c r="E238" s="40"/>
      <c r="F238" s="40"/>
      <c r="G238" s="40"/>
      <c r="H238" s="40"/>
      <c r="L238" s="40"/>
      <c r="M238" s="40"/>
      <c r="N238" s="40"/>
      <c r="O238" s="40"/>
      <c r="P238" s="40"/>
      <c r="Q238" s="40"/>
      <c r="R238" s="40"/>
      <c r="S238" s="40"/>
    </row>
    <row r="239" spans="2:19" ht="13.5">
      <c r="B239" s="40"/>
      <c r="C239" s="40"/>
      <c r="D239" s="40"/>
      <c r="E239" s="40"/>
      <c r="F239" s="40"/>
      <c r="G239" s="40"/>
      <c r="H239" s="40"/>
      <c r="L239" s="40"/>
      <c r="M239" s="40"/>
      <c r="N239" s="40"/>
      <c r="O239" s="40"/>
      <c r="P239" s="40"/>
      <c r="Q239" s="40"/>
      <c r="R239" s="40"/>
      <c r="S239" s="40"/>
    </row>
    <row r="240" spans="2:19" ht="13.5">
      <c r="B240" s="40"/>
      <c r="C240" s="40"/>
      <c r="D240" s="40"/>
      <c r="E240" s="40"/>
      <c r="F240" s="40"/>
      <c r="G240" s="40"/>
      <c r="H240" s="40"/>
      <c r="L240" s="40"/>
      <c r="M240" s="40"/>
      <c r="N240" s="40"/>
      <c r="O240" s="40"/>
      <c r="P240" s="40"/>
      <c r="Q240" s="40"/>
      <c r="R240" s="40"/>
      <c r="S240" s="40"/>
    </row>
    <row r="241" spans="2:19" ht="13.5">
      <c r="B241" s="40"/>
      <c r="C241" s="40"/>
      <c r="D241" s="40"/>
      <c r="E241" s="40"/>
      <c r="F241" s="40"/>
      <c r="G241" s="40"/>
      <c r="H241" s="40"/>
      <c r="L241" s="40"/>
      <c r="M241" s="40"/>
      <c r="N241" s="40"/>
      <c r="O241" s="40"/>
      <c r="P241" s="40"/>
      <c r="Q241" s="40"/>
      <c r="R241" s="40"/>
      <c r="S241" s="40"/>
    </row>
    <row r="242" spans="2:19" ht="13.5">
      <c r="B242" s="40"/>
      <c r="C242" s="40"/>
      <c r="D242" s="40"/>
      <c r="E242" s="40"/>
      <c r="F242" s="40"/>
      <c r="G242" s="40"/>
      <c r="H242" s="40"/>
      <c r="L242" s="40"/>
      <c r="M242" s="40"/>
      <c r="N242" s="40"/>
      <c r="O242" s="40"/>
      <c r="P242" s="40"/>
      <c r="Q242" s="40"/>
      <c r="R242" s="40"/>
      <c r="S242" s="40"/>
    </row>
    <row r="243" spans="2:19" ht="13.5">
      <c r="B243" s="40"/>
      <c r="C243" s="40"/>
      <c r="D243" s="40"/>
      <c r="E243" s="40"/>
      <c r="F243" s="40"/>
      <c r="G243" s="40"/>
      <c r="H243" s="40"/>
      <c r="L243" s="40"/>
      <c r="M243" s="40"/>
      <c r="N243" s="40"/>
      <c r="O243" s="40"/>
      <c r="P243" s="40"/>
      <c r="Q243" s="40"/>
      <c r="R243" s="40"/>
      <c r="S243" s="40"/>
    </row>
    <row r="244" spans="2:19" ht="13.5">
      <c r="B244" s="40"/>
      <c r="C244" s="40"/>
      <c r="D244" s="40"/>
      <c r="E244" s="40"/>
      <c r="F244" s="40"/>
      <c r="G244" s="40"/>
      <c r="H244" s="40"/>
      <c r="L244" s="40"/>
      <c r="M244" s="40"/>
      <c r="N244" s="40"/>
      <c r="O244" s="40"/>
      <c r="P244" s="40"/>
      <c r="Q244" s="40"/>
      <c r="R244" s="40"/>
      <c r="S244" s="40"/>
    </row>
    <row r="245" spans="2:19" ht="13.5">
      <c r="B245" s="40"/>
      <c r="C245" s="40"/>
      <c r="D245" s="40"/>
      <c r="E245" s="40"/>
      <c r="F245" s="40"/>
      <c r="G245" s="40"/>
      <c r="H245" s="40"/>
      <c r="L245" s="40"/>
      <c r="M245" s="40"/>
      <c r="N245" s="40"/>
      <c r="O245" s="40"/>
      <c r="P245" s="40"/>
      <c r="Q245" s="40"/>
      <c r="R245" s="40"/>
      <c r="S245" s="40"/>
    </row>
    <row r="246" spans="2:19" ht="13.5">
      <c r="B246" s="40"/>
      <c r="C246" s="40"/>
      <c r="D246" s="40"/>
      <c r="E246" s="40"/>
      <c r="F246" s="40"/>
      <c r="G246" s="40"/>
      <c r="H246" s="40"/>
      <c r="L246" s="40"/>
      <c r="M246" s="40"/>
      <c r="N246" s="40"/>
      <c r="O246" s="40"/>
      <c r="P246" s="40"/>
      <c r="Q246" s="40"/>
      <c r="R246" s="40"/>
      <c r="S246" s="40"/>
    </row>
    <row r="247" spans="2:19" ht="13.5">
      <c r="B247" s="40"/>
      <c r="C247" s="40"/>
      <c r="D247" s="40"/>
      <c r="E247" s="40"/>
      <c r="F247" s="40"/>
      <c r="G247" s="40"/>
      <c r="H247" s="40"/>
      <c r="L247" s="40"/>
      <c r="M247" s="40"/>
      <c r="N247" s="40"/>
      <c r="O247" s="40"/>
      <c r="P247" s="40"/>
      <c r="Q247" s="40"/>
      <c r="R247" s="40"/>
      <c r="S247" s="40"/>
    </row>
    <row r="248" spans="2:19" ht="13.5">
      <c r="B248" s="40"/>
      <c r="C248" s="40"/>
      <c r="D248" s="40"/>
      <c r="E248" s="40"/>
      <c r="F248" s="40"/>
      <c r="G248" s="40"/>
      <c r="H248" s="40"/>
      <c r="L248" s="40"/>
      <c r="M248" s="40"/>
      <c r="N248" s="40"/>
      <c r="O248" s="40"/>
      <c r="P248" s="40"/>
      <c r="Q248" s="40"/>
      <c r="R248" s="40"/>
      <c r="S248" s="40"/>
    </row>
    <row r="249" spans="2:19" ht="13.5">
      <c r="B249" s="40"/>
      <c r="C249" s="40"/>
      <c r="D249" s="40"/>
      <c r="E249" s="40"/>
      <c r="F249" s="40"/>
      <c r="G249" s="40"/>
      <c r="H249" s="40"/>
      <c r="L249" s="40"/>
      <c r="M249" s="40"/>
      <c r="N249" s="40"/>
      <c r="O249" s="40"/>
      <c r="P249" s="40"/>
      <c r="Q249" s="40"/>
      <c r="R249" s="40"/>
      <c r="S249" s="40"/>
    </row>
    <row r="250" spans="2:19" ht="13.5">
      <c r="B250" s="40"/>
      <c r="C250" s="40"/>
      <c r="D250" s="40"/>
      <c r="E250" s="40"/>
      <c r="F250" s="40"/>
      <c r="G250" s="40"/>
      <c r="H250" s="40"/>
      <c r="L250" s="40"/>
      <c r="M250" s="40"/>
      <c r="N250" s="40"/>
      <c r="O250" s="40"/>
      <c r="P250" s="40"/>
      <c r="Q250" s="40"/>
      <c r="R250" s="40"/>
      <c r="S250" s="40"/>
    </row>
    <row r="251" spans="2:19" ht="13.5">
      <c r="B251" s="40"/>
      <c r="C251" s="40"/>
      <c r="D251" s="40"/>
      <c r="E251" s="40"/>
      <c r="F251" s="40"/>
      <c r="G251" s="40"/>
      <c r="H251" s="40"/>
      <c r="L251" s="40"/>
      <c r="M251" s="40"/>
      <c r="N251" s="40"/>
      <c r="O251" s="40"/>
      <c r="P251" s="40"/>
      <c r="Q251" s="40"/>
      <c r="R251" s="40"/>
      <c r="S251" s="40"/>
    </row>
    <row r="252" spans="2:19" ht="13.5">
      <c r="B252" s="40"/>
      <c r="C252" s="40"/>
      <c r="D252" s="40"/>
      <c r="E252" s="40"/>
      <c r="F252" s="40"/>
      <c r="G252" s="40"/>
      <c r="H252" s="40"/>
      <c r="L252" s="40"/>
      <c r="M252" s="40"/>
      <c r="N252" s="40"/>
      <c r="O252" s="40"/>
      <c r="P252" s="40"/>
      <c r="Q252" s="40"/>
      <c r="R252" s="40"/>
      <c r="S252" s="40"/>
    </row>
    <row r="253" spans="2:19" ht="13.5">
      <c r="B253" s="40"/>
      <c r="C253" s="40"/>
      <c r="D253" s="40"/>
      <c r="E253" s="40"/>
      <c r="F253" s="40"/>
      <c r="G253" s="40"/>
      <c r="H253" s="40"/>
      <c r="L253" s="40"/>
      <c r="M253" s="40"/>
      <c r="N253" s="40"/>
      <c r="O253" s="40"/>
      <c r="P253" s="40"/>
      <c r="Q253" s="40"/>
      <c r="R253" s="40"/>
      <c r="S253" s="40"/>
    </row>
    <row r="254" spans="2:19" ht="13.5">
      <c r="B254" s="40"/>
      <c r="C254" s="40"/>
      <c r="D254" s="40"/>
      <c r="E254" s="40"/>
      <c r="F254" s="40"/>
      <c r="G254" s="40"/>
      <c r="H254" s="40"/>
      <c r="L254" s="40"/>
      <c r="M254" s="40"/>
      <c r="N254" s="40"/>
      <c r="O254" s="40"/>
      <c r="P254" s="40"/>
      <c r="Q254" s="40"/>
      <c r="R254" s="40"/>
      <c r="S254" s="40"/>
    </row>
    <row r="255" spans="2:19" ht="13.5">
      <c r="B255" s="40"/>
      <c r="C255" s="40"/>
      <c r="D255" s="40"/>
      <c r="E255" s="40"/>
      <c r="F255" s="40"/>
      <c r="G255" s="40"/>
      <c r="H255" s="40"/>
      <c r="L255" s="40"/>
      <c r="M255" s="40"/>
      <c r="N255" s="40"/>
      <c r="O255" s="40"/>
      <c r="P255" s="40"/>
      <c r="Q255" s="40"/>
      <c r="R255" s="40"/>
      <c r="S255" s="40"/>
    </row>
    <row r="256" spans="2:19" ht="13.5">
      <c r="B256" s="40"/>
      <c r="C256" s="40"/>
      <c r="D256" s="40"/>
      <c r="E256" s="40"/>
      <c r="F256" s="40"/>
      <c r="G256" s="40"/>
      <c r="H256" s="40"/>
      <c r="L256" s="40"/>
      <c r="M256" s="40"/>
      <c r="N256" s="40"/>
      <c r="O256" s="40"/>
      <c r="P256" s="40"/>
      <c r="Q256" s="40"/>
      <c r="R256" s="40"/>
      <c r="S256" s="40"/>
    </row>
    <row r="257" spans="2:19" ht="13.5">
      <c r="B257" s="40"/>
      <c r="C257" s="40"/>
      <c r="D257" s="40"/>
      <c r="E257" s="40"/>
      <c r="F257" s="40"/>
      <c r="G257" s="40"/>
      <c r="H257" s="40"/>
      <c r="L257" s="40"/>
      <c r="M257" s="40"/>
      <c r="N257" s="40"/>
      <c r="O257" s="40"/>
      <c r="P257" s="40"/>
      <c r="Q257" s="40"/>
      <c r="R257" s="40"/>
      <c r="S257" s="40"/>
    </row>
    <row r="258" spans="2:19" ht="13.5">
      <c r="B258" s="40"/>
      <c r="C258" s="40"/>
      <c r="D258" s="40"/>
      <c r="E258" s="40"/>
      <c r="F258" s="40"/>
      <c r="G258" s="40"/>
      <c r="H258" s="40"/>
      <c r="L258" s="40"/>
      <c r="M258" s="40"/>
      <c r="N258" s="40"/>
      <c r="O258" s="40"/>
      <c r="P258" s="40"/>
      <c r="Q258" s="40"/>
      <c r="R258" s="40"/>
      <c r="S258" s="40"/>
    </row>
    <row r="259" spans="2:19" ht="13.5">
      <c r="B259" s="40"/>
      <c r="C259" s="40"/>
      <c r="D259" s="40"/>
      <c r="E259" s="40"/>
      <c r="F259" s="40"/>
      <c r="G259" s="40"/>
      <c r="H259" s="40"/>
      <c r="L259" s="40"/>
      <c r="M259" s="40"/>
      <c r="N259" s="40"/>
      <c r="O259" s="40"/>
      <c r="P259" s="40"/>
      <c r="Q259" s="40"/>
      <c r="R259" s="40"/>
      <c r="S259" s="40"/>
    </row>
    <row r="260" spans="2:19" ht="13.5">
      <c r="B260" s="40"/>
      <c r="C260" s="40"/>
      <c r="D260" s="40"/>
      <c r="E260" s="40"/>
      <c r="F260" s="40"/>
      <c r="G260" s="40"/>
      <c r="H260" s="40"/>
      <c r="L260" s="40"/>
      <c r="M260" s="40"/>
      <c r="N260" s="40"/>
      <c r="O260" s="40"/>
      <c r="P260" s="40"/>
      <c r="Q260" s="40"/>
      <c r="R260" s="40"/>
      <c r="S260" s="40"/>
    </row>
    <row r="261" spans="2:19" ht="13.5">
      <c r="B261" s="40"/>
      <c r="C261" s="40"/>
      <c r="D261" s="40"/>
      <c r="E261" s="40"/>
      <c r="F261" s="40"/>
      <c r="G261" s="40"/>
      <c r="H261" s="40"/>
      <c r="L261" s="40"/>
      <c r="M261" s="40"/>
      <c r="N261" s="40"/>
      <c r="O261" s="40"/>
      <c r="P261" s="40"/>
      <c r="Q261" s="40"/>
      <c r="R261" s="40"/>
      <c r="S261" s="40"/>
    </row>
    <row r="262" spans="2:19" ht="13.5">
      <c r="B262" s="40"/>
      <c r="C262" s="40"/>
      <c r="D262" s="40"/>
      <c r="E262" s="40"/>
      <c r="F262" s="40"/>
      <c r="G262" s="40"/>
      <c r="H262" s="40"/>
      <c r="L262" s="40"/>
      <c r="M262" s="40"/>
      <c r="N262" s="40"/>
      <c r="O262" s="40"/>
      <c r="P262" s="40"/>
      <c r="Q262" s="40"/>
      <c r="R262" s="40"/>
      <c r="S262" s="40"/>
    </row>
    <row r="263" spans="2:19" ht="13.5">
      <c r="B263" s="40"/>
      <c r="C263" s="40"/>
      <c r="D263" s="40"/>
      <c r="E263" s="40"/>
      <c r="F263" s="40"/>
      <c r="G263" s="40"/>
      <c r="H263" s="40"/>
      <c r="L263" s="40"/>
      <c r="M263" s="40"/>
      <c r="N263" s="40"/>
      <c r="O263" s="40"/>
      <c r="P263" s="40"/>
      <c r="Q263" s="40"/>
      <c r="R263" s="40"/>
      <c r="S263" s="40"/>
    </row>
    <row r="264" spans="2:19" ht="13.5">
      <c r="B264" s="40"/>
      <c r="C264" s="40"/>
      <c r="D264" s="40"/>
      <c r="E264" s="40"/>
      <c r="F264" s="40"/>
      <c r="G264" s="40"/>
      <c r="H264" s="40"/>
      <c r="L264" s="40"/>
      <c r="M264" s="40"/>
      <c r="N264" s="40"/>
      <c r="O264" s="40"/>
      <c r="P264" s="40"/>
      <c r="Q264" s="40"/>
      <c r="R264" s="40"/>
      <c r="S264" s="40"/>
    </row>
    <row r="265" spans="2:19" ht="13.5">
      <c r="B265" s="40"/>
      <c r="C265" s="40"/>
      <c r="D265" s="40"/>
      <c r="E265" s="40"/>
      <c r="F265" s="40"/>
      <c r="G265" s="40"/>
      <c r="H265" s="40"/>
      <c r="L265" s="40"/>
      <c r="M265" s="40"/>
      <c r="N265" s="40"/>
      <c r="O265" s="40"/>
      <c r="P265" s="40"/>
      <c r="Q265" s="40"/>
      <c r="R265" s="40"/>
      <c r="S265" s="40"/>
    </row>
    <row r="266" spans="2:19" ht="13.5">
      <c r="B266" s="40"/>
      <c r="C266" s="40"/>
      <c r="D266" s="40"/>
      <c r="E266" s="40"/>
      <c r="F266" s="40"/>
      <c r="G266" s="40"/>
      <c r="H266" s="40"/>
      <c r="L266" s="40"/>
      <c r="M266" s="40"/>
      <c r="N266" s="40"/>
      <c r="O266" s="40"/>
      <c r="P266" s="40"/>
      <c r="Q266" s="40"/>
      <c r="R266" s="40"/>
      <c r="S266" s="40"/>
    </row>
    <row r="267" spans="2:19" ht="13.5">
      <c r="B267" s="40"/>
      <c r="C267" s="40"/>
      <c r="D267" s="40"/>
      <c r="E267" s="40"/>
      <c r="F267" s="40"/>
      <c r="G267" s="40"/>
      <c r="H267" s="40"/>
      <c r="L267" s="40"/>
      <c r="M267" s="40"/>
      <c r="N267" s="40"/>
      <c r="O267" s="40"/>
      <c r="P267" s="40"/>
      <c r="Q267" s="40"/>
      <c r="R267" s="40"/>
      <c r="S267" s="40"/>
    </row>
    <row r="268" spans="2:19" ht="13.5">
      <c r="B268" s="40"/>
      <c r="C268" s="40"/>
      <c r="D268" s="40"/>
      <c r="E268" s="40"/>
      <c r="F268" s="40"/>
      <c r="G268" s="40"/>
      <c r="H268" s="40"/>
      <c r="L268" s="40"/>
      <c r="M268" s="40"/>
      <c r="N268" s="40"/>
      <c r="O268" s="40"/>
      <c r="P268" s="40"/>
      <c r="Q268" s="40"/>
      <c r="R268" s="40"/>
      <c r="S268" s="40"/>
    </row>
    <row r="269" spans="2:19" ht="13.5">
      <c r="B269" s="40"/>
      <c r="C269" s="40"/>
      <c r="D269" s="40"/>
      <c r="E269" s="40"/>
      <c r="F269" s="40"/>
      <c r="G269" s="40"/>
      <c r="H269" s="40"/>
      <c r="L269" s="40"/>
      <c r="M269" s="40"/>
      <c r="N269" s="40"/>
      <c r="O269" s="40"/>
      <c r="P269" s="40"/>
      <c r="Q269" s="40"/>
      <c r="R269" s="40"/>
      <c r="S269" s="40"/>
    </row>
    <row r="270" spans="2:19" ht="13.5">
      <c r="B270" s="40"/>
      <c r="C270" s="40"/>
      <c r="D270" s="40"/>
      <c r="E270" s="40"/>
      <c r="F270" s="40"/>
      <c r="G270" s="40"/>
      <c r="H270" s="40"/>
      <c r="L270" s="40"/>
      <c r="M270" s="40"/>
      <c r="N270" s="40"/>
      <c r="O270" s="40"/>
      <c r="P270" s="40"/>
      <c r="Q270" s="40"/>
      <c r="R270" s="40"/>
      <c r="S270" s="40"/>
    </row>
    <row r="271" spans="2:19" ht="13.5">
      <c r="B271" s="40"/>
      <c r="C271" s="40"/>
      <c r="D271" s="40"/>
      <c r="E271" s="40"/>
      <c r="F271" s="40"/>
      <c r="G271" s="40"/>
      <c r="H271" s="40"/>
      <c r="L271" s="40"/>
      <c r="M271" s="40"/>
      <c r="N271" s="40"/>
      <c r="O271" s="40"/>
      <c r="P271" s="40"/>
      <c r="Q271" s="40"/>
      <c r="R271" s="40"/>
      <c r="S271" s="40"/>
    </row>
    <row r="272" spans="2:19" ht="13.5">
      <c r="B272" s="40"/>
      <c r="C272" s="40"/>
      <c r="D272" s="40"/>
      <c r="E272" s="40"/>
      <c r="F272" s="40"/>
      <c r="G272" s="40"/>
      <c r="H272" s="40"/>
      <c r="L272" s="40"/>
      <c r="M272" s="40"/>
      <c r="N272" s="40"/>
      <c r="O272" s="40"/>
      <c r="P272" s="40"/>
      <c r="Q272" s="40"/>
      <c r="R272" s="40"/>
      <c r="S272" s="40"/>
    </row>
    <row r="273" spans="2:19" ht="13.5">
      <c r="B273" s="40"/>
      <c r="C273" s="40"/>
      <c r="D273" s="40"/>
      <c r="E273" s="40"/>
      <c r="F273" s="40"/>
      <c r="G273" s="40"/>
      <c r="H273" s="40"/>
      <c r="L273" s="40"/>
      <c r="M273" s="40"/>
      <c r="N273" s="40"/>
      <c r="O273" s="40"/>
      <c r="P273" s="40"/>
      <c r="Q273" s="40"/>
      <c r="R273" s="40"/>
      <c r="S273" s="40"/>
    </row>
    <row r="274" spans="2:19" ht="13.5">
      <c r="B274" s="40"/>
      <c r="C274" s="40"/>
      <c r="D274" s="40"/>
      <c r="E274" s="40"/>
      <c r="F274" s="40"/>
      <c r="G274" s="40"/>
      <c r="H274" s="40"/>
      <c r="L274" s="40"/>
      <c r="M274" s="40"/>
      <c r="N274" s="40"/>
      <c r="O274" s="40"/>
      <c r="P274" s="40"/>
      <c r="Q274" s="40"/>
      <c r="R274" s="40"/>
      <c r="S274" s="40"/>
    </row>
    <row r="275" spans="2:19" ht="13.5">
      <c r="B275" s="40"/>
      <c r="C275" s="40"/>
      <c r="D275" s="40"/>
      <c r="E275" s="40"/>
      <c r="F275" s="40"/>
      <c r="G275" s="40"/>
      <c r="H275" s="40"/>
      <c r="L275" s="40"/>
      <c r="M275" s="40"/>
      <c r="N275" s="40"/>
      <c r="O275" s="40"/>
      <c r="P275" s="40"/>
      <c r="Q275" s="40"/>
      <c r="R275" s="40"/>
      <c r="S275" s="40"/>
    </row>
    <row r="276" spans="2:19" ht="13.5">
      <c r="B276" s="40"/>
      <c r="C276" s="40"/>
      <c r="D276" s="40"/>
      <c r="E276" s="40"/>
      <c r="F276" s="40"/>
      <c r="G276" s="40"/>
      <c r="H276" s="40"/>
      <c r="L276" s="40"/>
      <c r="M276" s="40"/>
      <c r="N276" s="40"/>
      <c r="O276" s="40"/>
      <c r="P276" s="40"/>
      <c r="Q276" s="40"/>
      <c r="R276" s="40"/>
      <c r="S276" s="40"/>
    </row>
    <row r="277" spans="2:19" ht="13.5">
      <c r="B277" s="40"/>
      <c r="C277" s="40"/>
      <c r="D277" s="40"/>
      <c r="E277" s="40"/>
      <c r="F277" s="40"/>
      <c r="G277" s="40"/>
      <c r="H277" s="40"/>
      <c r="L277" s="40"/>
      <c r="M277" s="40"/>
      <c r="N277" s="40"/>
      <c r="O277" s="40"/>
      <c r="P277" s="40"/>
      <c r="Q277" s="40"/>
      <c r="R277" s="40"/>
      <c r="S277" s="40"/>
    </row>
    <row r="278" spans="2:19" ht="13.5">
      <c r="B278" s="40"/>
      <c r="C278" s="40"/>
      <c r="D278" s="40"/>
      <c r="E278" s="40"/>
      <c r="F278" s="40"/>
      <c r="G278" s="40"/>
      <c r="H278" s="40"/>
      <c r="L278" s="40"/>
      <c r="M278" s="40"/>
      <c r="N278" s="40"/>
      <c r="O278" s="40"/>
      <c r="P278" s="40"/>
      <c r="Q278" s="40"/>
      <c r="R278" s="40"/>
      <c r="S278" s="40"/>
    </row>
    <row r="279" spans="2:19" ht="13.5">
      <c r="B279" s="40"/>
      <c r="C279" s="40"/>
      <c r="D279" s="40"/>
      <c r="E279" s="40"/>
      <c r="F279" s="40"/>
      <c r="G279" s="40"/>
      <c r="H279" s="40"/>
      <c r="L279" s="40"/>
      <c r="M279" s="40"/>
      <c r="N279" s="40"/>
      <c r="O279" s="40"/>
      <c r="P279" s="40"/>
      <c r="Q279" s="40"/>
      <c r="R279" s="40"/>
      <c r="S279" s="40"/>
    </row>
    <row r="280" spans="2:19" ht="13.5">
      <c r="B280" s="40"/>
      <c r="C280" s="40"/>
      <c r="D280" s="40"/>
      <c r="E280" s="40"/>
      <c r="F280" s="40"/>
      <c r="G280" s="40"/>
      <c r="H280" s="40"/>
      <c r="L280" s="40"/>
      <c r="M280" s="40"/>
      <c r="N280" s="40"/>
      <c r="O280" s="40"/>
      <c r="P280" s="40"/>
      <c r="Q280" s="40"/>
      <c r="R280" s="40"/>
      <c r="S280" s="40"/>
    </row>
    <row r="281" spans="2:19" ht="13.5">
      <c r="B281" s="40"/>
      <c r="C281" s="40"/>
      <c r="D281" s="40"/>
      <c r="E281" s="40"/>
      <c r="F281" s="40"/>
      <c r="G281" s="40"/>
      <c r="H281" s="40"/>
      <c r="L281" s="40"/>
      <c r="M281" s="40"/>
      <c r="N281" s="40"/>
      <c r="O281" s="40"/>
      <c r="P281" s="40"/>
      <c r="Q281" s="40"/>
      <c r="R281" s="40"/>
      <c r="S281" s="40"/>
    </row>
    <row r="282" spans="2:19" ht="13.5">
      <c r="B282" s="40"/>
      <c r="C282" s="40"/>
      <c r="D282" s="40"/>
      <c r="E282" s="40"/>
      <c r="F282" s="40"/>
      <c r="G282" s="40"/>
      <c r="H282" s="40"/>
      <c r="L282" s="40"/>
      <c r="M282" s="40"/>
      <c r="N282" s="40"/>
      <c r="O282" s="40"/>
      <c r="P282" s="40"/>
      <c r="Q282" s="40"/>
      <c r="R282" s="40"/>
      <c r="S282" s="40"/>
    </row>
    <row r="283" spans="2:19" ht="13.5">
      <c r="B283" s="40"/>
      <c r="C283" s="40"/>
      <c r="D283" s="40"/>
      <c r="E283" s="40"/>
      <c r="F283" s="40"/>
      <c r="G283" s="40"/>
      <c r="H283" s="40"/>
      <c r="L283" s="40"/>
      <c r="M283" s="40"/>
      <c r="N283" s="40"/>
      <c r="O283" s="40"/>
      <c r="P283" s="40"/>
      <c r="Q283" s="40"/>
      <c r="R283" s="40"/>
      <c r="S283" s="40"/>
    </row>
    <row r="284" spans="2:19" ht="13.5">
      <c r="B284" s="40"/>
      <c r="C284" s="40"/>
      <c r="D284" s="40"/>
      <c r="E284" s="40"/>
      <c r="F284" s="40"/>
      <c r="G284" s="40"/>
      <c r="H284" s="40"/>
      <c r="L284" s="40"/>
      <c r="M284" s="40"/>
      <c r="N284" s="40"/>
      <c r="O284" s="40"/>
      <c r="P284" s="40"/>
      <c r="Q284" s="40"/>
      <c r="R284" s="40"/>
      <c r="S284" s="40"/>
    </row>
    <row r="285" spans="2:19" ht="13.5">
      <c r="B285" s="40"/>
      <c r="C285" s="40"/>
      <c r="D285" s="40"/>
      <c r="E285" s="40"/>
      <c r="F285" s="40"/>
      <c r="G285" s="40"/>
      <c r="H285" s="40"/>
      <c r="L285" s="40"/>
      <c r="M285" s="40"/>
      <c r="N285" s="40"/>
      <c r="O285" s="40"/>
      <c r="P285" s="40"/>
      <c r="Q285" s="40"/>
      <c r="R285" s="40"/>
      <c r="S285" s="40"/>
    </row>
    <row r="286" spans="2:19" ht="13.5">
      <c r="B286" s="40"/>
      <c r="C286" s="40"/>
      <c r="D286" s="40"/>
      <c r="E286" s="40"/>
      <c r="F286" s="40"/>
      <c r="G286" s="40"/>
      <c r="H286" s="40"/>
      <c r="L286" s="40"/>
      <c r="M286" s="40"/>
      <c r="N286" s="40"/>
      <c r="O286" s="40"/>
      <c r="P286" s="40"/>
      <c r="Q286" s="40"/>
      <c r="R286" s="40"/>
      <c r="S286" s="40"/>
    </row>
    <row r="287" spans="2:19" ht="13.5">
      <c r="B287" s="40"/>
      <c r="C287" s="40"/>
      <c r="D287" s="40"/>
      <c r="E287" s="40"/>
      <c r="F287" s="40"/>
      <c r="G287" s="40"/>
      <c r="H287" s="40"/>
      <c r="L287" s="40"/>
      <c r="M287" s="40"/>
      <c r="N287" s="40"/>
      <c r="O287" s="40"/>
      <c r="P287" s="40"/>
      <c r="Q287" s="40"/>
      <c r="R287" s="40"/>
      <c r="S287" s="40"/>
    </row>
    <row r="288" spans="2:19" ht="13.5">
      <c r="B288" s="40"/>
      <c r="C288" s="40"/>
      <c r="D288" s="40"/>
      <c r="E288" s="40"/>
      <c r="F288" s="40"/>
      <c r="G288" s="40"/>
      <c r="H288" s="40"/>
      <c r="L288" s="40"/>
      <c r="M288" s="40"/>
      <c r="N288" s="40"/>
      <c r="O288" s="40"/>
      <c r="P288" s="40"/>
      <c r="Q288" s="40"/>
      <c r="R288" s="40"/>
      <c r="S288" s="40"/>
    </row>
    <row r="289" spans="2:19" ht="13.5">
      <c r="B289" s="40"/>
      <c r="C289" s="40"/>
      <c r="D289" s="40"/>
      <c r="E289" s="40"/>
      <c r="F289" s="40"/>
      <c r="G289" s="40"/>
      <c r="H289" s="40"/>
      <c r="L289" s="40"/>
      <c r="M289" s="40"/>
      <c r="N289" s="40"/>
      <c r="O289" s="40"/>
      <c r="P289" s="40"/>
      <c r="Q289" s="40"/>
      <c r="R289" s="40"/>
      <c r="S289" s="40"/>
    </row>
    <row r="290" spans="2:19" ht="13.5">
      <c r="B290" s="40"/>
      <c r="C290" s="40"/>
      <c r="D290" s="40"/>
      <c r="E290" s="40"/>
      <c r="F290" s="40"/>
      <c r="G290" s="40"/>
      <c r="H290" s="40"/>
      <c r="L290" s="40"/>
      <c r="M290" s="40"/>
      <c r="N290" s="40"/>
      <c r="O290" s="40"/>
      <c r="P290" s="40"/>
      <c r="Q290" s="40"/>
      <c r="R290" s="40"/>
      <c r="S290" s="40"/>
    </row>
    <row r="291" spans="2:19" ht="13.5">
      <c r="B291" s="40"/>
      <c r="C291" s="40"/>
      <c r="D291" s="40"/>
      <c r="E291" s="40"/>
      <c r="F291" s="40"/>
      <c r="G291" s="40"/>
      <c r="H291" s="40"/>
      <c r="L291" s="40"/>
      <c r="M291" s="40"/>
      <c r="N291" s="40"/>
      <c r="O291" s="40"/>
      <c r="P291" s="40"/>
      <c r="Q291" s="40"/>
      <c r="R291" s="40"/>
      <c r="S291" s="40"/>
    </row>
    <row r="292" spans="2:19" ht="13.5">
      <c r="B292" s="40"/>
      <c r="C292" s="40"/>
      <c r="D292" s="40"/>
      <c r="E292" s="40"/>
      <c r="F292" s="40"/>
      <c r="G292" s="40"/>
      <c r="H292" s="40"/>
      <c r="L292" s="40"/>
      <c r="M292" s="40"/>
      <c r="N292" s="40"/>
      <c r="O292" s="40"/>
      <c r="P292" s="40"/>
      <c r="Q292" s="40"/>
      <c r="R292" s="40"/>
      <c r="S292" s="40"/>
    </row>
    <row r="293" spans="2:19" ht="13.5">
      <c r="B293" s="40"/>
      <c r="C293" s="40"/>
      <c r="D293" s="40"/>
      <c r="E293" s="40"/>
      <c r="F293" s="40"/>
      <c r="G293" s="40"/>
      <c r="H293" s="40"/>
      <c r="L293" s="40"/>
      <c r="M293" s="40"/>
      <c r="N293" s="40"/>
      <c r="O293" s="40"/>
      <c r="P293" s="40"/>
      <c r="Q293" s="40"/>
      <c r="R293" s="40"/>
      <c r="S293" s="40"/>
    </row>
    <row r="294" spans="2:19" ht="13.5">
      <c r="B294" s="40"/>
      <c r="C294" s="40"/>
      <c r="D294" s="40"/>
      <c r="E294" s="40"/>
      <c r="F294" s="40"/>
      <c r="G294" s="40"/>
      <c r="H294" s="40"/>
      <c r="L294" s="40"/>
      <c r="M294" s="40"/>
      <c r="N294" s="40"/>
      <c r="O294" s="40"/>
      <c r="P294" s="40"/>
      <c r="Q294" s="40"/>
      <c r="R294" s="40"/>
      <c r="S294" s="40"/>
    </row>
    <row r="295" spans="2:19" ht="13.5">
      <c r="B295" s="40"/>
      <c r="C295" s="40"/>
      <c r="D295" s="40"/>
      <c r="E295" s="40"/>
      <c r="F295" s="40"/>
      <c r="G295" s="40"/>
      <c r="H295" s="40"/>
      <c r="L295" s="40"/>
      <c r="M295" s="40"/>
      <c r="N295" s="40"/>
      <c r="O295" s="40"/>
      <c r="P295" s="40"/>
      <c r="Q295" s="40"/>
      <c r="R295" s="40"/>
      <c r="S295" s="40"/>
    </row>
    <row r="296" spans="2:19" ht="13.5">
      <c r="B296" s="40"/>
      <c r="C296" s="40"/>
      <c r="D296" s="40"/>
      <c r="E296" s="40"/>
      <c r="F296" s="40"/>
      <c r="G296" s="40"/>
      <c r="H296" s="40"/>
      <c r="L296" s="40"/>
      <c r="M296" s="40"/>
      <c r="N296" s="40"/>
      <c r="O296" s="40"/>
      <c r="P296" s="40"/>
      <c r="Q296" s="40"/>
      <c r="R296" s="40"/>
      <c r="S296" s="40"/>
    </row>
    <row r="297" spans="2:19" ht="13.5">
      <c r="B297" s="40"/>
      <c r="C297" s="40"/>
      <c r="D297" s="40"/>
      <c r="E297" s="40"/>
      <c r="F297" s="40"/>
      <c r="G297" s="40"/>
      <c r="H297" s="40"/>
      <c r="L297" s="40"/>
      <c r="M297" s="40"/>
      <c r="N297" s="40"/>
      <c r="O297" s="40"/>
      <c r="P297" s="40"/>
      <c r="Q297" s="40"/>
      <c r="R297" s="40"/>
      <c r="S297" s="40"/>
    </row>
    <row r="298" spans="2:19" ht="13.5">
      <c r="B298" s="40"/>
      <c r="C298" s="40"/>
      <c r="D298" s="40"/>
      <c r="E298" s="40"/>
      <c r="F298" s="40"/>
      <c r="G298" s="40"/>
      <c r="H298" s="40"/>
      <c r="L298" s="40"/>
      <c r="M298" s="40"/>
      <c r="N298" s="40"/>
      <c r="O298" s="40"/>
      <c r="P298" s="40"/>
      <c r="Q298" s="40"/>
      <c r="R298" s="40"/>
      <c r="S298" s="40"/>
    </row>
    <row r="299" spans="2:19" ht="13.5">
      <c r="B299" s="40"/>
      <c r="C299" s="40"/>
      <c r="D299" s="40"/>
      <c r="E299" s="40"/>
      <c r="F299" s="40"/>
      <c r="G299" s="40"/>
      <c r="H299" s="40"/>
      <c r="L299" s="40"/>
      <c r="M299" s="40"/>
      <c r="N299" s="40"/>
      <c r="O299" s="40"/>
      <c r="P299" s="40"/>
      <c r="Q299" s="40"/>
      <c r="R299" s="40"/>
      <c r="S299" s="40"/>
    </row>
    <row r="300" spans="2:19" ht="13.5">
      <c r="B300" s="40"/>
      <c r="C300" s="40"/>
      <c r="D300" s="40"/>
      <c r="E300" s="40"/>
      <c r="F300" s="40"/>
      <c r="G300" s="40"/>
      <c r="H300" s="40"/>
      <c r="L300" s="40"/>
      <c r="M300" s="40"/>
      <c r="N300" s="40"/>
      <c r="O300" s="40"/>
      <c r="P300" s="40"/>
      <c r="Q300" s="40"/>
      <c r="R300" s="40"/>
      <c r="S300" s="40"/>
    </row>
    <row r="301" spans="2:19" ht="13.5">
      <c r="B301" s="40"/>
      <c r="C301" s="40"/>
      <c r="D301" s="40"/>
      <c r="E301" s="40"/>
      <c r="F301" s="40"/>
      <c r="G301" s="40"/>
      <c r="H301" s="40"/>
      <c r="L301" s="40"/>
      <c r="M301" s="40"/>
      <c r="N301" s="40"/>
      <c r="O301" s="40"/>
      <c r="P301" s="40"/>
      <c r="Q301" s="40"/>
      <c r="R301" s="40"/>
      <c r="S301" s="40"/>
    </row>
    <row r="302" spans="2:19" ht="13.5">
      <c r="B302" s="40"/>
      <c r="C302" s="40"/>
      <c r="D302" s="40"/>
      <c r="E302" s="40"/>
      <c r="F302" s="40"/>
      <c r="G302" s="40"/>
      <c r="H302" s="40"/>
      <c r="L302" s="40"/>
      <c r="M302" s="40"/>
      <c r="N302" s="40"/>
      <c r="O302" s="40"/>
      <c r="P302" s="40"/>
      <c r="Q302" s="40"/>
      <c r="R302" s="40"/>
      <c r="S302" s="40"/>
    </row>
    <row r="303" spans="2:19" ht="13.5">
      <c r="B303" s="40"/>
      <c r="C303" s="40"/>
      <c r="D303" s="40"/>
      <c r="E303" s="40"/>
      <c r="F303" s="40"/>
      <c r="G303" s="40"/>
      <c r="H303" s="40"/>
      <c r="L303" s="40"/>
      <c r="M303" s="40"/>
      <c r="N303" s="40"/>
      <c r="O303" s="40"/>
      <c r="P303" s="40"/>
      <c r="Q303" s="40"/>
      <c r="R303" s="40"/>
      <c r="S303" s="40"/>
    </row>
    <row r="304" spans="2:19" ht="13.5">
      <c r="B304" s="40"/>
      <c r="C304" s="40"/>
      <c r="D304" s="40"/>
      <c r="E304" s="40"/>
      <c r="F304" s="40"/>
      <c r="G304" s="40"/>
      <c r="H304" s="40"/>
      <c r="L304" s="40"/>
      <c r="M304" s="40"/>
      <c r="N304" s="40"/>
      <c r="O304" s="40"/>
      <c r="P304" s="40"/>
      <c r="Q304" s="40"/>
      <c r="R304" s="40"/>
      <c r="S304" s="40"/>
    </row>
    <row r="305" spans="2:19" ht="13.5">
      <c r="B305" s="40"/>
      <c r="C305" s="40"/>
      <c r="D305" s="40"/>
      <c r="E305" s="40"/>
      <c r="F305" s="40"/>
      <c r="G305" s="40"/>
      <c r="H305" s="40"/>
      <c r="L305" s="40"/>
      <c r="M305" s="40"/>
      <c r="N305" s="40"/>
      <c r="O305" s="40"/>
      <c r="P305" s="40"/>
      <c r="Q305" s="40"/>
      <c r="R305" s="40"/>
      <c r="S305" s="40"/>
    </row>
    <row r="306" spans="2:19" ht="13.5">
      <c r="B306" s="40"/>
      <c r="C306" s="40"/>
      <c r="D306" s="40"/>
      <c r="E306" s="40"/>
      <c r="F306" s="40"/>
      <c r="G306" s="40"/>
      <c r="H306" s="40"/>
      <c r="L306" s="40"/>
      <c r="M306" s="40"/>
      <c r="N306" s="40"/>
      <c r="O306" s="40"/>
      <c r="P306" s="40"/>
      <c r="Q306" s="40"/>
      <c r="R306" s="40"/>
      <c r="S306" s="40"/>
    </row>
    <row r="307" spans="2:19" ht="13.5">
      <c r="B307" s="40"/>
      <c r="C307" s="40"/>
      <c r="D307" s="40"/>
      <c r="E307" s="40"/>
      <c r="F307" s="40"/>
      <c r="G307" s="40"/>
      <c r="H307" s="40"/>
      <c r="L307" s="40"/>
      <c r="M307" s="40"/>
      <c r="N307" s="40"/>
      <c r="O307" s="40"/>
      <c r="P307" s="40"/>
      <c r="Q307" s="40"/>
      <c r="R307" s="40"/>
      <c r="S307" s="40"/>
    </row>
    <row r="308" spans="2:19" ht="13.5">
      <c r="B308" s="40"/>
      <c r="C308" s="40"/>
      <c r="D308" s="40"/>
      <c r="E308" s="40"/>
      <c r="F308" s="40"/>
      <c r="G308" s="40"/>
      <c r="H308" s="40"/>
      <c r="L308" s="40"/>
      <c r="M308" s="40"/>
      <c r="N308" s="40"/>
      <c r="O308" s="40"/>
      <c r="P308" s="40"/>
      <c r="Q308" s="40"/>
      <c r="R308" s="40"/>
      <c r="S308" s="40"/>
    </row>
    <row r="309" spans="2:19" ht="13.5">
      <c r="B309" s="40"/>
      <c r="C309" s="40"/>
      <c r="D309" s="40"/>
      <c r="E309" s="40"/>
      <c r="F309" s="40"/>
      <c r="G309" s="40"/>
      <c r="H309" s="40"/>
      <c r="L309" s="40"/>
      <c r="M309" s="40"/>
      <c r="N309" s="40"/>
      <c r="O309" s="40"/>
      <c r="P309" s="40"/>
      <c r="Q309" s="40"/>
      <c r="R309" s="40"/>
      <c r="S309" s="40"/>
    </row>
    <row r="310" spans="2:19" ht="13.5">
      <c r="B310" s="40"/>
      <c r="C310" s="40"/>
      <c r="D310" s="40"/>
      <c r="E310" s="40"/>
      <c r="F310" s="40"/>
      <c r="G310" s="40"/>
      <c r="H310" s="40"/>
      <c r="L310" s="40"/>
      <c r="M310" s="40"/>
      <c r="N310" s="40"/>
      <c r="O310" s="40"/>
      <c r="P310" s="40"/>
      <c r="Q310" s="40"/>
      <c r="R310" s="40"/>
      <c r="S310" s="40"/>
    </row>
    <row r="311" spans="2:19" ht="13.5">
      <c r="B311" s="40"/>
      <c r="C311" s="40"/>
      <c r="D311" s="40"/>
      <c r="E311" s="40"/>
      <c r="F311" s="40"/>
      <c r="G311" s="40"/>
      <c r="H311" s="40"/>
      <c r="L311" s="40"/>
      <c r="M311" s="40"/>
      <c r="N311" s="40"/>
      <c r="O311" s="40"/>
      <c r="P311" s="40"/>
      <c r="Q311" s="40"/>
      <c r="R311" s="40"/>
      <c r="S311" s="40"/>
    </row>
    <row r="312" spans="2:19" ht="13.5">
      <c r="B312" s="40"/>
      <c r="C312" s="40"/>
      <c r="D312" s="40"/>
      <c r="E312" s="40"/>
      <c r="F312" s="40"/>
      <c r="G312" s="40"/>
      <c r="H312" s="40"/>
      <c r="L312" s="40"/>
      <c r="M312" s="40"/>
      <c r="N312" s="40"/>
      <c r="O312" s="40"/>
      <c r="P312" s="40"/>
      <c r="Q312" s="40"/>
      <c r="R312" s="40"/>
      <c r="S312" s="40"/>
    </row>
    <row r="313" spans="2:19" ht="13.5">
      <c r="B313" s="40"/>
      <c r="C313" s="40"/>
      <c r="D313" s="40"/>
      <c r="E313" s="40"/>
      <c r="F313" s="40"/>
      <c r="G313" s="40"/>
      <c r="H313" s="40"/>
      <c r="L313" s="40"/>
      <c r="M313" s="40"/>
      <c r="N313" s="40"/>
      <c r="O313" s="40"/>
      <c r="P313" s="40"/>
      <c r="Q313" s="40"/>
      <c r="R313" s="40"/>
      <c r="S313" s="40"/>
    </row>
    <row r="314" spans="2:19" ht="13.5">
      <c r="B314" s="40"/>
      <c r="C314" s="40"/>
      <c r="D314" s="40"/>
      <c r="E314" s="40"/>
      <c r="F314" s="40"/>
      <c r="G314" s="40"/>
      <c r="H314" s="40"/>
      <c r="L314" s="40"/>
      <c r="M314" s="40"/>
      <c r="N314" s="40"/>
      <c r="O314" s="40"/>
      <c r="P314" s="40"/>
      <c r="Q314" s="40"/>
      <c r="R314" s="40"/>
      <c r="S314" s="40"/>
    </row>
    <row r="315" spans="2:19" ht="13.5">
      <c r="B315" s="40"/>
      <c r="C315" s="40"/>
      <c r="D315" s="40"/>
      <c r="E315" s="40"/>
      <c r="F315" s="40"/>
      <c r="G315" s="40"/>
      <c r="H315" s="40"/>
      <c r="L315" s="40"/>
      <c r="M315" s="40"/>
      <c r="N315" s="40"/>
      <c r="O315" s="40"/>
      <c r="P315" s="40"/>
      <c r="Q315" s="40"/>
      <c r="R315" s="40"/>
      <c r="S315" s="40"/>
    </row>
    <row r="316" spans="2:19" ht="13.5">
      <c r="B316" s="40"/>
      <c r="C316" s="40"/>
      <c r="D316" s="40"/>
      <c r="E316" s="40"/>
      <c r="F316" s="40"/>
      <c r="G316" s="40"/>
      <c r="H316" s="40"/>
      <c r="L316" s="40"/>
      <c r="M316" s="40"/>
      <c r="N316" s="40"/>
      <c r="O316" s="40"/>
      <c r="P316" s="40"/>
      <c r="Q316" s="40"/>
      <c r="R316" s="40"/>
      <c r="S316" s="40"/>
    </row>
    <row r="317" spans="2:19" ht="13.5">
      <c r="B317" s="40"/>
      <c r="C317" s="40"/>
      <c r="D317" s="40"/>
      <c r="E317" s="40"/>
      <c r="F317" s="40"/>
      <c r="G317" s="40"/>
      <c r="H317" s="40"/>
      <c r="L317" s="40"/>
      <c r="M317" s="40"/>
      <c r="N317" s="40"/>
      <c r="O317" s="40"/>
      <c r="P317" s="40"/>
      <c r="Q317" s="40"/>
      <c r="R317" s="40"/>
      <c r="S317" s="40"/>
    </row>
    <row r="318" spans="2:19" ht="13.5">
      <c r="B318" s="40"/>
      <c r="C318" s="40"/>
      <c r="D318" s="40"/>
      <c r="E318" s="40"/>
      <c r="F318" s="40"/>
      <c r="G318" s="40"/>
      <c r="H318" s="40"/>
      <c r="L318" s="40"/>
      <c r="M318" s="40"/>
      <c r="N318" s="40"/>
      <c r="O318" s="40"/>
      <c r="P318" s="40"/>
      <c r="Q318" s="40"/>
      <c r="R318" s="40"/>
      <c r="S318" s="40"/>
    </row>
    <row r="319" spans="2:19" ht="13.5">
      <c r="B319" s="40"/>
      <c r="C319" s="40"/>
      <c r="D319" s="40"/>
      <c r="E319" s="40"/>
      <c r="F319" s="40"/>
      <c r="G319" s="40"/>
      <c r="H319" s="40"/>
      <c r="L319" s="40"/>
      <c r="M319" s="40"/>
      <c r="N319" s="40"/>
      <c r="O319" s="40"/>
      <c r="P319" s="40"/>
      <c r="Q319" s="40"/>
      <c r="R319" s="40"/>
      <c r="S319" s="40"/>
    </row>
    <row r="320" spans="2:19" ht="13.5">
      <c r="B320" s="40"/>
      <c r="C320" s="40"/>
      <c r="D320" s="40"/>
      <c r="E320" s="40"/>
      <c r="F320" s="40"/>
      <c r="G320" s="40"/>
      <c r="H320" s="40"/>
      <c r="L320" s="40"/>
      <c r="M320" s="40"/>
      <c r="N320" s="40"/>
      <c r="O320" s="40"/>
      <c r="P320" s="40"/>
      <c r="Q320" s="40"/>
      <c r="R320" s="40"/>
      <c r="S320" s="40"/>
    </row>
    <row r="321" spans="2:19" ht="13.5">
      <c r="B321" s="40"/>
      <c r="C321" s="40"/>
      <c r="D321" s="40"/>
      <c r="E321" s="40"/>
      <c r="F321" s="40"/>
      <c r="G321" s="40"/>
      <c r="H321" s="40"/>
      <c r="L321" s="40"/>
      <c r="M321" s="40"/>
      <c r="N321" s="40"/>
      <c r="O321" s="40"/>
      <c r="P321" s="40"/>
      <c r="Q321" s="40"/>
      <c r="R321" s="40"/>
      <c r="S321" s="40"/>
    </row>
    <row r="322" spans="2:19" ht="13.5">
      <c r="B322" s="40"/>
      <c r="C322" s="40"/>
      <c r="D322" s="40"/>
      <c r="E322" s="40"/>
      <c r="F322" s="40"/>
      <c r="G322" s="40"/>
      <c r="H322" s="40"/>
      <c r="L322" s="40"/>
      <c r="M322" s="40"/>
      <c r="N322" s="40"/>
      <c r="O322" s="40"/>
      <c r="P322" s="40"/>
      <c r="Q322" s="40"/>
      <c r="R322" s="40"/>
      <c r="S322" s="40"/>
    </row>
    <row r="323" spans="2:19" ht="13.5">
      <c r="B323" s="40"/>
      <c r="C323" s="40"/>
      <c r="D323" s="40"/>
      <c r="E323" s="40"/>
      <c r="F323" s="40"/>
      <c r="G323" s="40"/>
      <c r="H323" s="40"/>
      <c r="L323" s="40"/>
      <c r="M323" s="40"/>
      <c r="N323" s="40"/>
      <c r="O323" s="40"/>
      <c r="P323" s="40"/>
      <c r="Q323" s="40"/>
      <c r="R323" s="40"/>
      <c r="S323" s="40"/>
    </row>
    <row r="324" spans="2:19" ht="13.5">
      <c r="B324" s="40"/>
      <c r="C324" s="40"/>
      <c r="D324" s="40"/>
      <c r="E324" s="40"/>
      <c r="F324" s="40"/>
      <c r="G324" s="40"/>
      <c r="H324" s="40"/>
      <c r="L324" s="40"/>
      <c r="M324" s="40"/>
      <c r="N324" s="40"/>
      <c r="O324" s="40"/>
      <c r="P324" s="40"/>
      <c r="Q324" s="40"/>
      <c r="R324" s="40"/>
      <c r="S324" s="40"/>
    </row>
    <row r="325" spans="2:19" ht="13.5">
      <c r="B325" s="40"/>
      <c r="C325" s="40"/>
      <c r="D325" s="40"/>
      <c r="E325" s="40"/>
      <c r="F325" s="40"/>
      <c r="G325" s="40"/>
      <c r="H325" s="40"/>
      <c r="L325" s="40"/>
      <c r="M325" s="40"/>
      <c r="N325" s="40"/>
      <c r="O325" s="40"/>
      <c r="P325" s="40"/>
      <c r="Q325" s="40"/>
      <c r="R325" s="40"/>
      <c r="S325" s="40"/>
    </row>
    <row r="326" spans="2:19" ht="13.5">
      <c r="B326" s="40"/>
      <c r="C326" s="40"/>
      <c r="D326" s="40"/>
      <c r="E326" s="40"/>
      <c r="F326" s="40"/>
      <c r="G326" s="40"/>
      <c r="H326" s="40"/>
      <c r="L326" s="40"/>
      <c r="M326" s="40"/>
      <c r="N326" s="40"/>
      <c r="O326" s="40"/>
      <c r="P326" s="40"/>
      <c r="Q326" s="40"/>
      <c r="R326" s="40"/>
      <c r="S326" s="40"/>
    </row>
    <row r="327" spans="2:19" ht="13.5">
      <c r="B327" s="40"/>
      <c r="C327" s="40"/>
      <c r="D327" s="40"/>
      <c r="E327" s="40"/>
      <c r="F327" s="40"/>
      <c r="G327" s="40"/>
      <c r="H327" s="40"/>
      <c r="L327" s="40"/>
      <c r="M327" s="40"/>
      <c r="N327" s="40"/>
      <c r="O327" s="40"/>
      <c r="P327" s="40"/>
      <c r="Q327" s="40"/>
      <c r="R327" s="40"/>
      <c r="S327" s="40"/>
    </row>
    <row r="328" spans="2:19" ht="13.5">
      <c r="B328" s="40"/>
      <c r="C328" s="40"/>
      <c r="D328" s="40"/>
      <c r="E328" s="40"/>
      <c r="F328" s="40"/>
      <c r="G328" s="40"/>
      <c r="H328" s="40"/>
      <c r="L328" s="40"/>
      <c r="M328" s="40"/>
      <c r="N328" s="40"/>
      <c r="O328" s="40"/>
      <c r="P328" s="40"/>
      <c r="Q328" s="40"/>
      <c r="R328" s="40"/>
      <c r="S328" s="40"/>
    </row>
    <row r="329" spans="2:19" ht="13.5">
      <c r="B329" s="40"/>
      <c r="C329" s="40"/>
      <c r="D329" s="40"/>
      <c r="E329" s="40"/>
      <c r="F329" s="40"/>
      <c r="G329" s="40"/>
      <c r="H329" s="40"/>
      <c r="L329" s="40"/>
      <c r="M329" s="40"/>
      <c r="N329" s="40"/>
      <c r="O329" s="40"/>
      <c r="P329" s="40"/>
      <c r="Q329" s="40"/>
      <c r="R329" s="40"/>
      <c r="S329" s="40"/>
    </row>
    <row r="330" spans="2:19" ht="13.5">
      <c r="B330" s="40"/>
      <c r="C330" s="40"/>
      <c r="D330" s="40"/>
      <c r="E330" s="40"/>
      <c r="F330" s="40"/>
      <c r="G330" s="40"/>
      <c r="H330" s="40"/>
      <c r="L330" s="40"/>
      <c r="M330" s="40"/>
      <c r="N330" s="40"/>
      <c r="O330" s="40"/>
      <c r="P330" s="40"/>
      <c r="Q330" s="40"/>
      <c r="R330" s="40"/>
      <c r="S330" s="40"/>
    </row>
    <row r="331" spans="2:19" ht="13.5">
      <c r="B331" s="40"/>
      <c r="C331" s="40"/>
      <c r="D331" s="40"/>
      <c r="E331" s="40"/>
      <c r="F331" s="40"/>
      <c r="G331" s="40"/>
      <c r="H331" s="40"/>
      <c r="L331" s="40"/>
      <c r="M331" s="40"/>
      <c r="N331" s="40"/>
      <c r="O331" s="40"/>
      <c r="P331" s="40"/>
      <c r="Q331" s="40"/>
      <c r="R331" s="40"/>
      <c r="S331" s="40"/>
    </row>
    <row r="332" spans="2:19" ht="13.5">
      <c r="B332" s="40"/>
      <c r="C332" s="40"/>
      <c r="D332" s="40"/>
      <c r="E332" s="40"/>
      <c r="F332" s="40"/>
      <c r="G332" s="40"/>
      <c r="H332" s="40"/>
      <c r="L332" s="40"/>
      <c r="M332" s="40"/>
      <c r="N332" s="40"/>
      <c r="O332" s="40"/>
      <c r="P332" s="40"/>
      <c r="Q332" s="40"/>
      <c r="R332" s="40"/>
      <c r="S332" s="40"/>
    </row>
    <row r="333" spans="2:19" ht="13.5">
      <c r="B333" s="40"/>
      <c r="C333" s="40"/>
      <c r="D333" s="40"/>
      <c r="E333" s="40"/>
      <c r="F333" s="40"/>
      <c r="G333" s="40"/>
      <c r="H333" s="40"/>
      <c r="L333" s="40"/>
      <c r="M333" s="40"/>
      <c r="N333" s="40"/>
      <c r="O333" s="40"/>
      <c r="P333" s="40"/>
      <c r="Q333" s="40"/>
      <c r="R333" s="40"/>
      <c r="S333" s="40"/>
    </row>
    <row r="334" spans="2:19" ht="13.5">
      <c r="B334" s="40"/>
      <c r="C334" s="40"/>
      <c r="D334" s="40"/>
      <c r="E334" s="40"/>
      <c r="F334" s="40"/>
      <c r="G334" s="40"/>
      <c r="H334" s="40"/>
      <c r="L334" s="40"/>
      <c r="M334" s="40"/>
      <c r="N334" s="40"/>
      <c r="O334" s="40"/>
      <c r="P334" s="40"/>
      <c r="Q334" s="40"/>
      <c r="R334" s="40"/>
      <c r="S334" s="40"/>
    </row>
    <row r="335" spans="2:19" ht="13.5">
      <c r="B335" s="40"/>
      <c r="C335" s="40"/>
      <c r="D335" s="40"/>
      <c r="E335" s="40"/>
      <c r="F335" s="40"/>
      <c r="G335" s="40"/>
      <c r="H335" s="40"/>
      <c r="L335" s="40"/>
      <c r="M335" s="40"/>
      <c r="N335" s="40"/>
      <c r="O335" s="40"/>
      <c r="P335" s="40"/>
      <c r="Q335" s="40"/>
      <c r="R335" s="40"/>
      <c r="S335" s="40"/>
    </row>
    <row r="336" spans="2:19" ht="13.5">
      <c r="B336" s="40"/>
      <c r="C336" s="40"/>
      <c r="D336" s="40"/>
      <c r="E336" s="40"/>
      <c r="F336" s="40"/>
      <c r="G336" s="40"/>
      <c r="H336" s="40"/>
      <c r="L336" s="40"/>
      <c r="M336" s="40"/>
      <c r="N336" s="40"/>
      <c r="O336" s="40"/>
      <c r="P336" s="40"/>
      <c r="Q336" s="40"/>
      <c r="R336" s="40"/>
      <c r="S336" s="40"/>
    </row>
    <row r="337" spans="2:19" ht="13.5">
      <c r="B337" s="40"/>
      <c r="C337" s="40"/>
      <c r="D337" s="40"/>
      <c r="E337" s="40"/>
      <c r="F337" s="40"/>
      <c r="G337" s="40"/>
      <c r="H337" s="40"/>
      <c r="L337" s="40"/>
      <c r="M337" s="40"/>
      <c r="N337" s="40"/>
      <c r="O337" s="40"/>
      <c r="P337" s="40"/>
      <c r="Q337" s="40"/>
      <c r="R337" s="40"/>
      <c r="S337" s="40"/>
    </row>
    <row r="338" spans="2:19" ht="13.5">
      <c r="B338" s="40"/>
      <c r="C338" s="40"/>
      <c r="D338" s="40"/>
      <c r="E338" s="40"/>
      <c r="F338" s="40"/>
      <c r="G338" s="40"/>
      <c r="H338" s="40"/>
      <c r="L338" s="40"/>
      <c r="M338" s="40"/>
      <c r="N338" s="40"/>
      <c r="O338" s="40"/>
      <c r="P338" s="40"/>
      <c r="Q338" s="40"/>
      <c r="R338" s="40"/>
      <c r="S338" s="40"/>
    </row>
    <row r="339" spans="2:19" ht="13.5">
      <c r="B339" s="40"/>
      <c r="C339" s="40"/>
      <c r="D339" s="40"/>
      <c r="E339" s="40"/>
      <c r="F339" s="40"/>
      <c r="G339" s="40"/>
      <c r="H339" s="40"/>
      <c r="L339" s="40"/>
      <c r="M339" s="40"/>
      <c r="N339" s="40"/>
      <c r="O339" s="40"/>
      <c r="P339" s="40"/>
      <c r="Q339" s="40"/>
      <c r="R339" s="40"/>
      <c r="S339" s="40"/>
    </row>
    <row r="340" spans="2:19" ht="13.5">
      <c r="B340" s="40"/>
      <c r="C340" s="40"/>
      <c r="D340" s="40"/>
      <c r="E340" s="40"/>
      <c r="F340" s="40"/>
      <c r="G340" s="40"/>
      <c r="H340" s="40"/>
      <c r="L340" s="40"/>
      <c r="M340" s="40"/>
      <c r="N340" s="40"/>
      <c r="O340" s="40"/>
      <c r="P340" s="40"/>
      <c r="Q340" s="40"/>
      <c r="R340" s="40"/>
      <c r="S340" s="40"/>
    </row>
    <row r="341" spans="2:19" ht="13.5">
      <c r="B341" s="40"/>
      <c r="C341" s="40"/>
      <c r="D341" s="40"/>
      <c r="E341" s="40"/>
      <c r="F341" s="40"/>
      <c r="G341" s="40"/>
      <c r="H341" s="40"/>
      <c r="L341" s="40"/>
      <c r="M341" s="40"/>
      <c r="N341" s="40"/>
      <c r="O341" s="40"/>
      <c r="P341" s="40"/>
      <c r="Q341" s="40"/>
      <c r="R341" s="40"/>
      <c r="S341" s="40"/>
    </row>
    <row r="342" spans="2:19" ht="13.5">
      <c r="B342" s="40"/>
      <c r="C342" s="40"/>
      <c r="D342" s="40"/>
      <c r="E342" s="40"/>
      <c r="F342" s="40"/>
      <c r="G342" s="40"/>
      <c r="H342" s="40"/>
      <c r="L342" s="40"/>
      <c r="M342" s="40"/>
      <c r="N342" s="40"/>
      <c r="O342" s="40"/>
      <c r="P342" s="40"/>
      <c r="Q342" s="40"/>
      <c r="R342" s="40"/>
      <c r="S342" s="40"/>
    </row>
    <row r="343" spans="2:19" ht="13.5">
      <c r="B343" s="40"/>
      <c r="C343" s="40"/>
      <c r="D343" s="40"/>
      <c r="E343" s="40"/>
      <c r="F343" s="40"/>
      <c r="G343" s="40"/>
      <c r="H343" s="40"/>
      <c r="L343" s="40"/>
      <c r="M343" s="40"/>
      <c r="N343" s="40"/>
      <c r="O343" s="40"/>
      <c r="P343" s="40"/>
      <c r="Q343" s="40"/>
      <c r="R343" s="40"/>
      <c r="S343" s="40"/>
    </row>
    <row r="344" spans="2:19" ht="13.5">
      <c r="B344" s="40"/>
      <c r="C344" s="40"/>
      <c r="D344" s="40"/>
      <c r="E344" s="40"/>
      <c r="F344" s="40"/>
      <c r="G344" s="40"/>
      <c r="H344" s="40"/>
      <c r="L344" s="40"/>
      <c r="M344" s="40"/>
      <c r="N344" s="40"/>
      <c r="O344" s="40"/>
      <c r="P344" s="40"/>
      <c r="Q344" s="40"/>
      <c r="R344" s="40"/>
      <c r="S344" s="40"/>
    </row>
    <row r="345" spans="2:19" ht="13.5">
      <c r="B345" s="40"/>
      <c r="C345" s="40"/>
      <c r="D345" s="40"/>
      <c r="E345" s="40"/>
      <c r="F345" s="40"/>
      <c r="G345" s="40"/>
      <c r="H345" s="40"/>
      <c r="L345" s="40"/>
      <c r="M345" s="40"/>
      <c r="N345" s="40"/>
      <c r="O345" s="40"/>
      <c r="P345" s="40"/>
      <c r="Q345" s="40"/>
      <c r="R345" s="40"/>
      <c r="S345" s="40"/>
    </row>
    <row r="346" spans="2:19" ht="13.5">
      <c r="B346" s="40"/>
      <c r="C346" s="40"/>
      <c r="D346" s="40"/>
      <c r="E346" s="40"/>
      <c r="F346" s="40"/>
      <c r="G346" s="40"/>
      <c r="H346" s="40"/>
      <c r="L346" s="40"/>
      <c r="M346" s="40"/>
      <c r="N346" s="40"/>
      <c r="O346" s="40"/>
      <c r="P346" s="40"/>
      <c r="Q346" s="40"/>
      <c r="R346" s="40"/>
      <c r="S346" s="40"/>
    </row>
    <row r="347" spans="2:19" ht="13.5">
      <c r="B347" s="40"/>
      <c r="C347" s="40"/>
      <c r="D347" s="40"/>
      <c r="E347" s="40"/>
      <c r="F347" s="40"/>
      <c r="G347" s="40"/>
      <c r="H347" s="40"/>
      <c r="L347" s="40"/>
      <c r="M347" s="40"/>
      <c r="N347" s="40"/>
      <c r="O347" s="40"/>
      <c r="P347" s="40"/>
      <c r="Q347" s="40"/>
      <c r="R347" s="40"/>
      <c r="S347" s="40"/>
    </row>
    <row r="348" spans="2:19" ht="13.5">
      <c r="B348" s="40"/>
      <c r="C348" s="40"/>
      <c r="D348" s="40"/>
      <c r="E348" s="40"/>
      <c r="F348" s="40"/>
      <c r="G348" s="40"/>
      <c r="H348" s="40"/>
      <c r="L348" s="40"/>
      <c r="M348" s="40"/>
      <c r="N348" s="40"/>
      <c r="O348" s="40"/>
      <c r="P348" s="40"/>
      <c r="Q348" s="40"/>
      <c r="R348" s="40"/>
      <c r="S348" s="40"/>
    </row>
    <row r="349" spans="2:19" ht="13.5">
      <c r="B349" s="40"/>
      <c r="C349" s="40"/>
      <c r="D349" s="40"/>
      <c r="E349" s="40"/>
      <c r="F349" s="40"/>
      <c r="G349" s="40"/>
      <c r="H349" s="40"/>
      <c r="L349" s="40"/>
      <c r="M349" s="40"/>
      <c r="N349" s="40"/>
      <c r="O349" s="40"/>
      <c r="P349" s="40"/>
      <c r="Q349" s="40"/>
      <c r="R349" s="40"/>
      <c r="S349" s="40"/>
    </row>
    <row r="350" spans="2:19" ht="13.5">
      <c r="B350" s="40"/>
      <c r="C350" s="40"/>
      <c r="D350" s="40"/>
      <c r="E350" s="40"/>
      <c r="F350" s="40"/>
      <c r="G350" s="40"/>
      <c r="H350" s="40"/>
      <c r="L350" s="40"/>
      <c r="M350" s="40"/>
      <c r="N350" s="40"/>
      <c r="O350" s="40"/>
      <c r="P350" s="40"/>
      <c r="Q350" s="40"/>
      <c r="R350" s="40"/>
      <c r="S350" s="40"/>
    </row>
    <row r="351" spans="2:19" ht="13.5">
      <c r="B351" s="40"/>
      <c r="C351" s="40"/>
      <c r="D351" s="40"/>
      <c r="E351" s="40"/>
      <c r="F351" s="40"/>
      <c r="G351" s="40"/>
      <c r="H351" s="40"/>
      <c r="L351" s="40"/>
      <c r="M351" s="40"/>
      <c r="N351" s="40"/>
      <c r="O351" s="40"/>
      <c r="P351" s="40"/>
      <c r="Q351" s="40"/>
      <c r="R351" s="40"/>
      <c r="S351" s="40"/>
    </row>
    <row r="352" spans="2:19" ht="13.5">
      <c r="B352" s="40"/>
      <c r="C352" s="40"/>
      <c r="D352" s="40"/>
      <c r="E352" s="40"/>
      <c r="F352" s="40"/>
      <c r="G352" s="40"/>
      <c r="H352" s="40"/>
      <c r="L352" s="40"/>
      <c r="M352" s="40"/>
      <c r="N352" s="40"/>
      <c r="O352" s="40"/>
      <c r="P352" s="40"/>
      <c r="Q352" s="40"/>
      <c r="R352" s="40"/>
      <c r="S352" s="40"/>
    </row>
    <row r="353" spans="2:19" ht="13.5">
      <c r="B353" s="40"/>
      <c r="C353" s="40"/>
      <c r="D353" s="40"/>
      <c r="E353" s="40"/>
      <c r="F353" s="40"/>
      <c r="G353" s="40"/>
      <c r="H353" s="40"/>
      <c r="L353" s="40"/>
      <c r="M353" s="40"/>
      <c r="N353" s="40"/>
      <c r="O353" s="40"/>
      <c r="P353" s="40"/>
      <c r="Q353" s="40"/>
      <c r="R353" s="40"/>
      <c r="S353" s="40"/>
    </row>
    <row r="354" spans="2:19" ht="13.5">
      <c r="B354" s="40"/>
      <c r="C354" s="40"/>
      <c r="D354" s="40"/>
      <c r="E354" s="40"/>
      <c r="F354" s="40"/>
      <c r="G354" s="40"/>
      <c r="H354" s="40"/>
      <c r="L354" s="40"/>
      <c r="M354" s="40"/>
      <c r="N354" s="40"/>
      <c r="O354" s="40"/>
      <c r="P354" s="40"/>
      <c r="Q354" s="40"/>
      <c r="R354" s="40"/>
      <c r="S354" s="40"/>
    </row>
    <row r="355" spans="2:19" ht="13.5">
      <c r="B355" s="40"/>
      <c r="C355" s="40"/>
      <c r="D355" s="40"/>
      <c r="E355" s="40"/>
      <c r="F355" s="40"/>
      <c r="G355" s="40"/>
      <c r="H355" s="40"/>
      <c r="L355" s="40"/>
      <c r="M355" s="40"/>
      <c r="N355" s="40"/>
      <c r="O355" s="40"/>
      <c r="P355" s="40"/>
      <c r="Q355" s="40"/>
      <c r="R355" s="40"/>
      <c r="S355" s="40"/>
    </row>
    <row r="356" spans="2:19" ht="13.5">
      <c r="B356" s="40"/>
      <c r="C356" s="40"/>
      <c r="D356" s="40"/>
      <c r="E356" s="40"/>
      <c r="F356" s="40"/>
      <c r="G356" s="40"/>
      <c r="H356" s="40"/>
      <c r="L356" s="40"/>
      <c r="M356" s="40"/>
      <c r="N356" s="40"/>
      <c r="O356" s="40"/>
      <c r="P356" s="40"/>
      <c r="Q356" s="40"/>
      <c r="R356" s="40"/>
      <c r="S356" s="40"/>
    </row>
    <row r="357" spans="2:19" ht="13.5">
      <c r="B357" s="40"/>
      <c r="C357" s="40"/>
      <c r="D357" s="40"/>
      <c r="E357" s="40"/>
      <c r="F357" s="40"/>
      <c r="G357" s="40"/>
      <c r="H357" s="40"/>
      <c r="L357" s="40"/>
      <c r="M357" s="40"/>
      <c r="N357" s="40"/>
      <c r="O357" s="40"/>
      <c r="P357" s="40"/>
      <c r="Q357" s="40"/>
      <c r="R357" s="40"/>
      <c r="S357" s="40"/>
    </row>
    <row r="358" spans="2:19" ht="13.5">
      <c r="B358" s="40"/>
      <c r="C358" s="40"/>
      <c r="D358" s="40"/>
      <c r="E358" s="40"/>
      <c r="F358" s="40"/>
      <c r="G358" s="40"/>
      <c r="H358" s="40"/>
      <c r="L358" s="40"/>
      <c r="M358" s="40"/>
      <c r="N358" s="40"/>
      <c r="O358" s="40"/>
      <c r="P358" s="40"/>
      <c r="Q358" s="40"/>
      <c r="R358" s="40"/>
      <c r="S358" s="40"/>
    </row>
    <row r="359" spans="2:19" ht="13.5">
      <c r="B359" s="40"/>
      <c r="C359" s="40"/>
      <c r="D359" s="40"/>
      <c r="E359" s="40"/>
      <c r="F359" s="40"/>
      <c r="G359" s="40"/>
      <c r="H359" s="40"/>
      <c r="L359" s="40"/>
      <c r="M359" s="40"/>
      <c r="N359" s="40"/>
      <c r="O359" s="40"/>
      <c r="P359" s="40"/>
      <c r="Q359" s="40"/>
      <c r="R359" s="40"/>
      <c r="S359" s="40"/>
    </row>
    <row r="360" spans="2:19" ht="13.5">
      <c r="B360" s="40"/>
      <c r="C360" s="40"/>
      <c r="D360" s="40"/>
      <c r="E360" s="40"/>
      <c r="F360" s="40"/>
      <c r="G360" s="40"/>
      <c r="H360" s="40"/>
      <c r="L360" s="40"/>
      <c r="M360" s="40"/>
      <c r="N360" s="40"/>
      <c r="O360" s="40"/>
      <c r="P360" s="40"/>
      <c r="Q360" s="40"/>
      <c r="R360" s="40"/>
      <c r="S360" s="40"/>
    </row>
    <row r="361" spans="2:19" ht="13.5">
      <c r="B361" s="40"/>
      <c r="C361" s="40"/>
      <c r="D361" s="40"/>
      <c r="E361" s="40"/>
      <c r="F361" s="40"/>
      <c r="G361" s="40"/>
      <c r="H361" s="40"/>
      <c r="L361" s="40"/>
      <c r="M361" s="40"/>
      <c r="N361" s="40"/>
      <c r="O361" s="40"/>
      <c r="P361" s="40"/>
      <c r="Q361" s="40"/>
      <c r="R361" s="40"/>
      <c r="S361" s="40"/>
    </row>
    <row r="362" spans="2:19" ht="13.5">
      <c r="B362" s="40"/>
      <c r="C362" s="40"/>
      <c r="D362" s="40"/>
      <c r="E362" s="40"/>
      <c r="F362" s="40"/>
      <c r="G362" s="40"/>
      <c r="H362" s="40"/>
      <c r="L362" s="40"/>
      <c r="M362" s="40"/>
      <c r="N362" s="40"/>
      <c r="O362" s="40"/>
      <c r="P362" s="40"/>
      <c r="Q362" s="40"/>
      <c r="R362" s="40"/>
      <c r="S362" s="40"/>
    </row>
    <row r="363" spans="2:19" ht="13.5">
      <c r="B363" s="40"/>
      <c r="C363" s="40"/>
      <c r="D363" s="40"/>
      <c r="E363" s="40"/>
      <c r="F363" s="40"/>
      <c r="G363" s="40"/>
      <c r="H363" s="40"/>
      <c r="L363" s="40"/>
      <c r="M363" s="40"/>
      <c r="N363" s="40"/>
      <c r="O363" s="40"/>
      <c r="P363" s="40"/>
      <c r="Q363" s="40"/>
      <c r="R363" s="40"/>
      <c r="S363" s="40"/>
    </row>
    <row r="364" spans="2:19" ht="13.5">
      <c r="B364" s="40"/>
      <c r="C364" s="40"/>
      <c r="D364" s="40"/>
      <c r="E364" s="40"/>
      <c r="F364" s="40"/>
      <c r="G364" s="40"/>
      <c r="H364" s="40"/>
      <c r="L364" s="40"/>
      <c r="M364" s="40"/>
      <c r="N364" s="40"/>
      <c r="O364" s="40"/>
      <c r="P364" s="40"/>
      <c r="Q364" s="40"/>
      <c r="R364" s="40"/>
      <c r="S364" s="40"/>
    </row>
    <row r="365" spans="2:19" ht="13.5">
      <c r="B365" s="40"/>
      <c r="C365" s="40"/>
      <c r="D365" s="40"/>
      <c r="E365" s="40"/>
      <c r="F365" s="40"/>
      <c r="G365" s="40"/>
      <c r="H365" s="40"/>
      <c r="L365" s="40"/>
      <c r="M365" s="40"/>
      <c r="N365" s="40"/>
      <c r="O365" s="40"/>
      <c r="P365" s="40"/>
      <c r="Q365" s="40"/>
      <c r="R365" s="40"/>
      <c r="S365" s="40"/>
    </row>
    <row r="366" spans="2:19" ht="13.5">
      <c r="B366" s="40"/>
      <c r="C366" s="40"/>
      <c r="D366" s="40"/>
      <c r="E366" s="40"/>
      <c r="F366" s="40"/>
      <c r="G366" s="40"/>
      <c r="H366" s="40"/>
      <c r="L366" s="40"/>
      <c r="M366" s="40"/>
      <c r="N366" s="40"/>
      <c r="O366" s="40"/>
      <c r="P366" s="40"/>
      <c r="Q366" s="40"/>
      <c r="R366" s="40"/>
      <c r="S366" s="40"/>
    </row>
    <row r="367" spans="2:19" ht="13.5">
      <c r="B367" s="40"/>
      <c r="C367" s="40"/>
      <c r="D367" s="40"/>
      <c r="E367" s="40"/>
      <c r="F367" s="40"/>
      <c r="G367" s="40"/>
      <c r="H367" s="40"/>
      <c r="L367" s="40"/>
      <c r="M367" s="40"/>
      <c r="N367" s="40"/>
      <c r="O367" s="40"/>
      <c r="P367" s="40"/>
      <c r="Q367" s="40"/>
      <c r="R367" s="40"/>
      <c r="S367" s="40"/>
    </row>
    <row r="368" spans="2:19" ht="13.5">
      <c r="B368" s="40"/>
      <c r="C368" s="40"/>
      <c r="D368" s="40"/>
      <c r="E368" s="40"/>
      <c r="F368" s="40"/>
      <c r="G368" s="40"/>
      <c r="H368" s="40"/>
      <c r="L368" s="40"/>
      <c r="M368" s="40"/>
      <c r="N368" s="40"/>
      <c r="O368" s="40"/>
      <c r="P368" s="40"/>
      <c r="Q368" s="40"/>
      <c r="R368" s="40"/>
      <c r="S368" s="40"/>
    </row>
    <row r="369" spans="2:19" ht="13.5">
      <c r="B369" s="40"/>
      <c r="C369" s="40"/>
      <c r="D369" s="40"/>
      <c r="E369" s="40"/>
      <c r="F369" s="40"/>
      <c r="G369" s="40"/>
      <c r="H369" s="40"/>
      <c r="L369" s="40"/>
      <c r="M369" s="40"/>
      <c r="N369" s="40"/>
      <c r="O369" s="40"/>
      <c r="P369" s="40"/>
      <c r="Q369" s="40"/>
      <c r="R369" s="40"/>
      <c r="S369" s="40"/>
    </row>
    <row r="370" spans="2:19" ht="13.5">
      <c r="B370" s="40"/>
      <c r="C370" s="40"/>
      <c r="D370" s="40"/>
      <c r="E370" s="40"/>
      <c r="F370" s="40"/>
      <c r="G370" s="40"/>
      <c r="H370" s="40"/>
      <c r="L370" s="40"/>
      <c r="M370" s="40"/>
      <c r="N370" s="40"/>
      <c r="O370" s="40"/>
      <c r="P370" s="40"/>
      <c r="Q370" s="40"/>
      <c r="R370" s="40"/>
      <c r="S370" s="40"/>
    </row>
    <row r="371" spans="2:19" ht="13.5">
      <c r="B371" s="40"/>
      <c r="C371" s="40"/>
      <c r="D371" s="40"/>
      <c r="E371" s="40"/>
      <c r="F371" s="40"/>
      <c r="G371" s="40"/>
      <c r="H371" s="40"/>
      <c r="L371" s="40"/>
      <c r="M371" s="40"/>
      <c r="N371" s="40"/>
      <c r="O371" s="40"/>
      <c r="P371" s="40"/>
      <c r="Q371" s="40"/>
      <c r="R371" s="40"/>
      <c r="S371" s="40"/>
    </row>
    <row r="372" spans="2:19" ht="13.5">
      <c r="B372" s="40"/>
      <c r="C372" s="40"/>
      <c r="D372" s="40"/>
      <c r="F372" s="40"/>
      <c r="G372" s="40"/>
      <c r="H372" s="40"/>
      <c r="L372" s="40"/>
      <c r="M372" s="40"/>
      <c r="N372" s="40"/>
      <c r="O372" s="40"/>
      <c r="P372" s="40"/>
      <c r="Q372" s="40"/>
      <c r="R372" s="40"/>
      <c r="S372" s="40"/>
    </row>
    <row r="373" spans="2:19" ht="13.5">
      <c r="F373" s="40"/>
      <c r="G373" s="40"/>
      <c r="H373" s="40"/>
      <c r="L373" s="40"/>
      <c r="M373" s="40"/>
      <c r="N373" s="40"/>
      <c r="O373" s="40"/>
      <c r="P373" s="40"/>
      <c r="Q373" s="40"/>
      <c r="R373" s="40"/>
      <c r="S373" s="40"/>
    </row>
    <row r="374" spans="2:19" ht="13.5">
      <c r="F374" s="40"/>
      <c r="G374" s="40"/>
      <c r="H374" s="40"/>
      <c r="L374" s="40"/>
      <c r="M374" s="40"/>
      <c r="N374" s="40"/>
      <c r="O374" s="40"/>
      <c r="P374" s="40"/>
      <c r="Q374" s="40"/>
      <c r="R374" s="40"/>
      <c r="S374" s="40"/>
    </row>
    <row r="375" spans="2:19" ht="13.5">
      <c r="F375" s="40"/>
      <c r="G375" s="40"/>
      <c r="H375" s="40"/>
      <c r="L375" s="40"/>
      <c r="M375" s="40"/>
      <c r="N375" s="40"/>
      <c r="O375" s="40"/>
      <c r="P375" s="40"/>
      <c r="Q375" s="40"/>
      <c r="R375" s="40"/>
      <c r="S375" s="40"/>
    </row>
    <row r="376" spans="2:19" ht="13.5">
      <c r="F376" s="40"/>
      <c r="G376" s="40"/>
      <c r="H376" s="40"/>
      <c r="L376" s="40"/>
      <c r="M376" s="40"/>
      <c r="N376" s="40"/>
      <c r="O376" s="40"/>
      <c r="P376" s="40"/>
      <c r="Q376" s="40"/>
      <c r="R376" s="40"/>
      <c r="S376" s="40"/>
    </row>
    <row r="377" spans="2:19" ht="13.5">
      <c r="F377" s="40"/>
      <c r="G377" s="40"/>
      <c r="H377" s="40"/>
      <c r="L377" s="40"/>
      <c r="M377" s="40"/>
      <c r="N377" s="40"/>
      <c r="O377" s="40"/>
      <c r="P377" s="40"/>
      <c r="Q377" s="40"/>
      <c r="R377" s="40"/>
      <c r="S377" s="40"/>
    </row>
    <row r="378" spans="2:19" ht="13.5">
      <c r="F378" s="40"/>
      <c r="G378" s="40"/>
      <c r="H378" s="40"/>
      <c r="L378" s="40"/>
      <c r="M378" s="40"/>
      <c r="N378" s="40"/>
      <c r="O378" s="40"/>
      <c r="P378" s="40"/>
      <c r="Q378" s="40"/>
      <c r="R378" s="40"/>
      <c r="S378" s="40"/>
    </row>
    <row r="379" spans="2:19">
      <c r="F379" s="40"/>
      <c r="G379" s="40"/>
      <c r="H379" s="40"/>
      <c r="S379" s="40"/>
    </row>
  </sheetData>
  <mergeCells count="8">
    <mergeCell ref="P11:S11"/>
    <mergeCell ref="B9:D9"/>
    <mergeCell ref="F9:N9"/>
    <mergeCell ref="B2:N2"/>
    <mergeCell ref="B3:M3"/>
    <mergeCell ref="B4:M8"/>
    <mergeCell ref="C10:M10"/>
    <mergeCell ref="P10:S10"/>
  </mergeCells>
  <phoneticPr fontId="4"/>
  <conditionalFormatting sqref="U13:U21 U23:U37">
    <cfRule type="expression" dxfId="397" priority="128" stopIfTrue="1">
      <formula>ISERROR(U13)</formula>
    </cfRule>
  </conditionalFormatting>
  <conditionalFormatting sqref="I13:I29 S13:S15 S17:S25 S28:S37">
    <cfRule type="cellIs" dxfId="396" priority="69" stopIfTrue="1" operator="greaterThan">
      <formula>0</formula>
    </cfRule>
  </conditionalFormatting>
  <conditionalFormatting sqref="I33:I36">
    <cfRule type="cellIs" dxfId="395" priority="68" stopIfTrue="1" operator="greaterThan">
      <formula>0</formula>
    </cfRule>
  </conditionalFormatting>
  <conditionalFormatting sqref="I31">
    <cfRule type="cellIs" dxfId="394" priority="67" stopIfTrue="1" operator="greaterThan">
      <formula>0</formula>
    </cfRule>
  </conditionalFormatting>
  <conditionalFormatting sqref="I13:K14 I16:K29 K30 I31:K37">
    <cfRule type="expression" dxfId="393" priority="70" stopIfTrue="1">
      <formula>#REF!&gt;12</formula>
    </cfRule>
  </conditionalFormatting>
  <conditionalFormatting sqref="P30:P37 S13:S15 S17:S25 S28:S37">
    <cfRule type="expression" dxfId="392" priority="71" stopIfTrue="1">
      <formula>#REF!&gt;12</formula>
    </cfRule>
  </conditionalFormatting>
  <conditionalFormatting sqref="Q30:R37 Q28:R28">
    <cfRule type="expression" dxfId="391" priority="72" stopIfTrue="1">
      <formula>ISERROR(Q28)</formula>
    </cfRule>
    <cfRule type="expression" dxfId="390" priority="73" stopIfTrue="1">
      <formula>#REF!&gt;12</formula>
    </cfRule>
  </conditionalFormatting>
  <conditionalFormatting sqref="I15:K15 P28">
    <cfRule type="expression" dxfId="389" priority="74" stopIfTrue="1">
      <formula>#REF!&gt;12</formula>
    </cfRule>
  </conditionalFormatting>
  <conditionalFormatting sqref="P29">
    <cfRule type="expression" dxfId="388" priority="64" stopIfTrue="1">
      <formula>#REF!&gt;12</formula>
    </cfRule>
  </conditionalFormatting>
  <conditionalFormatting sqref="Q29:R29">
    <cfRule type="expression" dxfId="387" priority="65" stopIfTrue="1">
      <formula>ISERROR(Q29)</formula>
    </cfRule>
    <cfRule type="expression" dxfId="386" priority="66" stopIfTrue="1">
      <formula>#REF!&gt;12</formula>
    </cfRule>
  </conditionalFormatting>
  <conditionalFormatting sqref="S16">
    <cfRule type="cellIs" dxfId="385" priority="62" stopIfTrue="1" operator="greaterThan">
      <formula>0</formula>
    </cfRule>
  </conditionalFormatting>
  <conditionalFormatting sqref="S16:T16">
    <cfRule type="expression" dxfId="384" priority="63" stopIfTrue="1">
      <formula>#REF!&gt;12</formula>
    </cfRule>
  </conditionalFormatting>
  <conditionalFormatting sqref="I37">
    <cfRule type="cellIs" dxfId="383" priority="60" stopIfTrue="1" operator="greaterThan">
      <formula>0</formula>
    </cfRule>
  </conditionalFormatting>
  <conditionalFormatting sqref="I37">
    <cfRule type="expression" dxfId="382" priority="61" stopIfTrue="1">
      <formula>#REF!&gt;12</formula>
    </cfRule>
  </conditionalFormatting>
  <conditionalFormatting sqref="S26">
    <cfRule type="cellIs" dxfId="381" priority="58" stopIfTrue="1" operator="greaterThan">
      <formula>0</formula>
    </cfRule>
  </conditionalFormatting>
  <conditionalFormatting sqref="S26:T26">
    <cfRule type="expression" dxfId="380" priority="59" stopIfTrue="1">
      <formula>#REF!&gt;12</formula>
    </cfRule>
  </conditionalFormatting>
  <conditionalFormatting sqref="I30">
    <cfRule type="cellIs" dxfId="379" priority="56" stopIfTrue="1" operator="greaterThan">
      <formula>0</formula>
    </cfRule>
  </conditionalFormatting>
  <conditionalFormatting sqref="I30">
    <cfRule type="expression" dxfId="378" priority="57" stopIfTrue="1">
      <formula>#REF!&gt;12</formula>
    </cfRule>
  </conditionalFormatting>
  <conditionalFormatting sqref="S27">
    <cfRule type="cellIs" dxfId="377" priority="54" stopIfTrue="1" operator="greaterThan">
      <formula>0</formula>
    </cfRule>
  </conditionalFormatting>
  <conditionalFormatting sqref="S27:T27">
    <cfRule type="expression" dxfId="376" priority="55" stopIfTrue="1">
      <formula>#REF!&gt;12</formula>
    </cfRule>
  </conditionalFormatting>
  <conditionalFormatting sqref="I32">
    <cfRule type="cellIs" dxfId="375" priority="52" stopIfTrue="1" operator="greaterThan">
      <formula>0</formula>
    </cfRule>
  </conditionalFormatting>
  <conditionalFormatting sqref="I32">
    <cfRule type="expression" dxfId="374" priority="53" stopIfTrue="1">
      <formula>#REF!&gt;12</formula>
    </cfRule>
  </conditionalFormatting>
  <conditionalFormatting sqref="F13:F14 F18:F36">
    <cfRule type="expression" dxfId="373" priority="43" stopIfTrue="1">
      <formula>#REF!&gt;12</formula>
    </cfRule>
  </conditionalFormatting>
  <conditionalFormatting sqref="G13:H14 G18:H36">
    <cfRule type="expression" dxfId="372" priority="44" stopIfTrue="1">
      <formula>ISERROR(G13)</formula>
    </cfRule>
    <cfRule type="expression" dxfId="371" priority="45" stopIfTrue="1">
      <formula>#REF!&gt;12</formula>
    </cfRule>
  </conditionalFormatting>
  <conditionalFormatting sqref="F15:F17">
    <cfRule type="expression" dxfId="370" priority="46" stopIfTrue="1">
      <formula>#REF!&gt;12</formula>
    </cfRule>
  </conditionalFormatting>
  <conditionalFormatting sqref="G15:H17">
    <cfRule type="expression" dxfId="369" priority="47" stopIfTrue="1">
      <formula>ISERROR(G15)</formula>
    </cfRule>
    <cfRule type="expression" dxfId="368" priority="48" stopIfTrue="1">
      <formula>#REF!&gt;12</formula>
    </cfRule>
  </conditionalFormatting>
  <conditionalFormatting sqref="F17">
    <cfRule type="expression" dxfId="367" priority="49" stopIfTrue="1">
      <formula>#REF!&gt;12</formula>
    </cfRule>
  </conditionalFormatting>
  <conditionalFormatting sqref="G17:H17">
    <cfRule type="expression" dxfId="366" priority="50" stopIfTrue="1">
      <formula>ISERROR(G17)</formula>
    </cfRule>
    <cfRule type="expression" dxfId="365" priority="51" stopIfTrue="1">
      <formula>#REF!&gt;12</formula>
    </cfRule>
  </conditionalFormatting>
  <conditionalFormatting sqref="F35">
    <cfRule type="expression" dxfId="364" priority="40" stopIfTrue="1">
      <formula>#REF!&gt;12</formula>
    </cfRule>
  </conditionalFormatting>
  <conditionalFormatting sqref="G35:H35">
    <cfRule type="expression" dxfId="363" priority="41" stopIfTrue="1">
      <formula>ISERROR(G35)</formula>
    </cfRule>
    <cfRule type="expression" dxfId="362" priority="42" stopIfTrue="1">
      <formula>#REF!&gt;12</formula>
    </cfRule>
  </conditionalFormatting>
  <conditionalFormatting sqref="F13">
    <cfRule type="expression" dxfId="361" priority="37" stopIfTrue="1">
      <formula>#REF!&gt;12</formula>
    </cfRule>
  </conditionalFormatting>
  <conditionalFormatting sqref="G13:H13">
    <cfRule type="expression" dxfId="360" priority="38" stopIfTrue="1">
      <formula>ISERROR(G13)</formula>
    </cfRule>
    <cfRule type="expression" dxfId="359" priority="39" stopIfTrue="1">
      <formula>#REF!&gt;12</formula>
    </cfRule>
  </conditionalFormatting>
  <conditionalFormatting sqref="F18">
    <cfRule type="expression" dxfId="358" priority="34" stopIfTrue="1">
      <formula>#REF!&gt;12</formula>
    </cfRule>
  </conditionalFormatting>
  <conditionalFormatting sqref="G18:H18">
    <cfRule type="expression" dxfId="357" priority="35" stopIfTrue="1">
      <formula>ISERROR(G18)</formula>
    </cfRule>
    <cfRule type="expression" dxfId="356" priority="36" stopIfTrue="1">
      <formula>#REF!&gt;12</formula>
    </cfRule>
  </conditionalFormatting>
  <conditionalFormatting sqref="F34">
    <cfRule type="expression" dxfId="355" priority="31" stopIfTrue="1">
      <formula>#REF!&gt;12</formula>
    </cfRule>
  </conditionalFormatting>
  <conditionalFormatting sqref="G34:H34">
    <cfRule type="expression" dxfId="354" priority="32" stopIfTrue="1">
      <formula>ISERROR(G34)</formula>
    </cfRule>
    <cfRule type="expression" dxfId="353" priority="33" stopIfTrue="1">
      <formula>#REF!&gt;12</formula>
    </cfRule>
  </conditionalFormatting>
  <conditionalFormatting sqref="F36">
    <cfRule type="expression" dxfId="352" priority="28" stopIfTrue="1">
      <formula>#REF!&gt;12</formula>
    </cfRule>
  </conditionalFormatting>
  <conditionalFormatting sqref="G36:H36">
    <cfRule type="expression" dxfId="351" priority="29" stopIfTrue="1">
      <formula>ISERROR(G36)</formula>
    </cfRule>
    <cfRule type="expression" dxfId="350" priority="30" stopIfTrue="1">
      <formula>#REF!&gt;12</formula>
    </cfRule>
  </conditionalFormatting>
  <conditionalFormatting sqref="F37">
    <cfRule type="expression" dxfId="349" priority="25" stopIfTrue="1">
      <formula>#REF!&gt;12</formula>
    </cfRule>
  </conditionalFormatting>
  <conditionalFormatting sqref="G37:H37">
    <cfRule type="expression" dxfId="348" priority="26" stopIfTrue="1">
      <formula>ISERROR(G37)</formula>
    </cfRule>
    <cfRule type="expression" dxfId="347" priority="27" stopIfTrue="1">
      <formula>#REF!&gt;12</formula>
    </cfRule>
  </conditionalFormatting>
  <conditionalFormatting sqref="P14:P27">
    <cfRule type="expression" dxfId="346" priority="22" stopIfTrue="1">
      <formula>#REF!&gt;12</formula>
    </cfRule>
  </conditionalFormatting>
  <conditionalFormatting sqref="Q14:R27">
    <cfRule type="expression" dxfId="345" priority="23" stopIfTrue="1">
      <formula>ISERROR(Q14)</formula>
    </cfRule>
    <cfRule type="expression" dxfId="344" priority="24" stopIfTrue="1">
      <formula>#REF!&gt;12</formula>
    </cfRule>
  </conditionalFormatting>
  <conditionalFormatting sqref="P13">
    <cfRule type="expression" dxfId="343" priority="19" stopIfTrue="1">
      <formula>#REF!&gt;12</formula>
    </cfRule>
  </conditionalFormatting>
  <conditionalFormatting sqref="Q13:R13">
    <cfRule type="expression" dxfId="342" priority="20" stopIfTrue="1">
      <formula>ISERROR(Q13)</formula>
    </cfRule>
    <cfRule type="expression" dxfId="341" priority="21" stopIfTrue="1">
      <formula>#REF!&gt;12</formula>
    </cfRule>
  </conditionalFormatting>
  <conditionalFormatting sqref="P25">
    <cfRule type="expression" dxfId="340" priority="16" stopIfTrue="1">
      <formula>#REF!&gt;12</formula>
    </cfRule>
  </conditionalFormatting>
  <conditionalFormatting sqref="Q25:R25">
    <cfRule type="expression" dxfId="339" priority="17" stopIfTrue="1">
      <formula>ISERROR(Q25)</formula>
    </cfRule>
    <cfRule type="expression" dxfId="338" priority="18" stopIfTrue="1">
      <formula>#REF!&gt;12</formula>
    </cfRule>
  </conditionalFormatting>
  <conditionalFormatting sqref="P14">
    <cfRule type="expression" dxfId="337" priority="13" stopIfTrue="1">
      <formula>#REF!&gt;12</formula>
    </cfRule>
  </conditionalFormatting>
  <conditionalFormatting sqref="Q14:R14">
    <cfRule type="expression" dxfId="336" priority="14" stopIfTrue="1">
      <formula>ISERROR(Q14)</formula>
    </cfRule>
    <cfRule type="expression" dxfId="335" priority="15" stopIfTrue="1">
      <formula>#REF!&gt;12</formula>
    </cfRule>
  </conditionalFormatting>
  <conditionalFormatting sqref="P26">
    <cfRule type="expression" dxfId="334" priority="10" stopIfTrue="1">
      <formula>#REF!&gt;12</formula>
    </cfRule>
  </conditionalFormatting>
  <conditionalFormatting sqref="Q26:R26">
    <cfRule type="expression" dxfId="333" priority="11" stopIfTrue="1">
      <formula>ISERROR(Q26)</formula>
    </cfRule>
    <cfRule type="expression" dxfId="332" priority="12" stopIfTrue="1">
      <formula>#REF!&gt;12</formula>
    </cfRule>
  </conditionalFormatting>
  <conditionalFormatting sqref="P24">
    <cfRule type="expression" dxfId="331" priority="7" stopIfTrue="1">
      <formula>#REF!&gt;12</formula>
    </cfRule>
  </conditionalFormatting>
  <conditionalFormatting sqref="Q24:R24">
    <cfRule type="expression" dxfId="330" priority="8" stopIfTrue="1">
      <formula>ISERROR(Q24)</formula>
    </cfRule>
    <cfRule type="expression" dxfId="329" priority="9" stopIfTrue="1">
      <formula>#REF!&gt;12</formula>
    </cfRule>
  </conditionalFormatting>
  <conditionalFormatting sqref="P13">
    <cfRule type="expression" dxfId="328" priority="4" stopIfTrue="1">
      <formula>#REF!&gt;12</formula>
    </cfRule>
  </conditionalFormatting>
  <conditionalFormatting sqref="Q13:R13">
    <cfRule type="expression" dxfId="327" priority="5" stopIfTrue="1">
      <formula>ISERROR(Q13)</formula>
    </cfRule>
    <cfRule type="expression" dxfId="326" priority="6" stopIfTrue="1">
      <formula>#REF!&gt;12</formula>
    </cfRule>
  </conditionalFormatting>
  <conditionalFormatting sqref="P25">
    <cfRule type="expression" dxfId="325" priority="1" stopIfTrue="1">
      <formula>#REF!&gt;12</formula>
    </cfRule>
  </conditionalFormatting>
  <conditionalFormatting sqref="Q25:R25">
    <cfRule type="expression" dxfId="324" priority="2" stopIfTrue="1">
      <formula>ISERROR(Q25)</formula>
    </cfRule>
    <cfRule type="expression" dxfId="323" priority="3" stopIfTrue="1">
      <formula>#REF!&gt;12</formula>
    </cfRule>
  </conditionalFormatting>
  <printOptions horizontalCentered="1"/>
  <pageMargins left="0" right="0" top="0.19" bottom="0" header="0" footer="0"/>
  <pageSetup paperSize="9" scale="20" orientation="portrait" r:id="rId1"/>
  <headerFooter alignWithMargins="0"/>
  <rowBreaks count="1" manualBreakCount="1">
    <brk id="36" max="16383" man="1"/>
  </rowBreaks>
  <colBreaks count="1" manualBreakCount="1">
    <brk id="6"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379"/>
  <sheetViews>
    <sheetView showGridLines="0" view="pageBreakPreview" zoomScale="25" zoomScaleNormal="25" zoomScaleSheetLayoutView="25" workbookViewId="0">
      <selection activeCell="F13" sqref="F13:F14"/>
    </sheetView>
  </sheetViews>
  <sheetFormatPr defaultColWidth="10.375" defaultRowHeight="25.5"/>
  <cols>
    <col min="1" max="1" width="2.875" style="40" customWidth="1"/>
    <col min="2" max="2" width="18.125" style="42" bestFit="1" customWidth="1"/>
    <col min="3" max="3" width="35.875" style="42" customWidth="1"/>
    <col min="4" max="5" width="10.875" style="42" customWidth="1"/>
    <col min="6" max="6" width="88.875" style="43" customWidth="1"/>
    <col min="7" max="7" width="25.875" style="42" customWidth="1"/>
    <col min="8" max="8" width="20.875" style="44" customWidth="1"/>
    <col min="9" max="10" width="20.875" style="40" customWidth="1"/>
    <col min="11" max="11" width="2.875" style="41" customWidth="1"/>
    <col min="12" max="12" width="19.125" style="42" bestFit="1" customWidth="1"/>
    <col min="13" max="13" width="35.875" style="42" customWidth="1"/>
    <col min="14" max="15" width="10.875" style="42" customWidth="1"/>
    <col min="16" max="16" width="88.875" style="43" customWidth="1"/>
    <col min="17" max="17" width="25.875" style="42" customWidth="1"/>
    <col min="18" max="18" width="20.875" style="45" customWidth="1"/>
    <col min="19" max="19" width="20.875" style="44" customWidth="1"/>
    <col min="20" max="20" width="20.875" style="40" customWidth="1"/>
    <col min="21" max="21" width="12.125" style="40" customWidth="1"/>
    <col min="22" max="22" width="1.875" style="40" customWidth="1"/>
    <col min="23" max="24" width="12.125" style="40" hidden="1" customWidth="1"/>
    <col min="25" max="16384" width="10.375" style="40"/>
  </cols>
  <sheetData>
    <row r="1" spans="2:24" s="1" customFormat="1" ht="30.6" customHeight="1">
      <c r="P1" s="5"/>
      <c r="Q1" s="2"/>
      <c r="R1" s="6"/>
      <c r="S1" s="3"/>
    </row>
    <row r="2" spans="2:24" s="1" customFormat="1" ht="77.099999999999994" customHeight="1">
      <c r="B2" s="152" t="s">
        <v>98</v>
      </c>
      <c r="C2" s="152"/>
      <c r="D2" s="152"/>
      <c r="E2" s="152"/>
      <c r="F2" s="152"/>
      <c r="G2" s="152"/>
      <c r="H2" s="152"/>
      <c r="I2" s="152"/>
      <c r="J2" s="152"/>
      <c r="K2" s="152"/>
      <c r="L2" s="152"/>
      <c r="M2" s="152"/>
      <c r="N2" s="152"/>
      <c r="O2" s="75"/>
      <c r="P2" s="7"/>
      <c r="Q2" s="8"/>
      <c r="R2" s="6"/>
      <c r="S2" s="9"/>
      <c r="T2" s="9"/>
      <c r="U2" s="10"/>
      <c r="V2" s="10"/>
      <c r="W2" s="10"/>
      <c r="X2" s="10"/>
    </row>
    <row r="3" spans="2:24" s="1" customFormat="1" ht="77.099999999999994" customHeight="1">
      <c r="B3" s="153" t="s">
        <v>30</v>
      </c>
      <c r="C3" s="154"/>
      <c r="D3" s="154"/>
      <c r="E3" s="154"/>
      <c r="F3" s="154"/>
      <c r="G3" s="154"/>
      <c r="H3" s="154"/>
      <c r="I3" s="154"/>
      <c r="J3" s="154"/>
      <c r="K3" s="154"/>
      <c r="L3" s="154"/>
      <c r="M3" s="154"/>
      <c r="N3" s="46"/>
      <c r="O3" s="46"/>
      <c r="P3" s="11"/>
      <c r="Q3" s="8"/>
      <c r="R3" s="6"/>
      <c r="S3" s="12"/>
      <c r="T3" s="13"/>
      <c r="U3" s="13"/>
      <c r="V3" s="13"/>
      <c r="W3" s="13"/>
      <c r="X3" s="13"/>
    </row>
    <row r="4" spans="2:24" s="1" customFormat="1" ht="77.099999999999994" customHeight="1">
      <c r="B4" s="155" t="s">
        <v>258</v>
      </c>
      <c r="C4" s="155"/>
      <c r="D4" s="155"/>
      <c r="E4" s="155"/>
      <c r="F4" s="155"/>
      <c r="G4" s="155"/>
      <c r="H4" s="155"/>
      <c r="I4" s="155"/>
      <c r="J4" s="155"/>
      <c r="K4" s="155"/>
      <c r="L4" s="155"/>
      <c r="M4" s="155"/>
      <c r="N4" s="46"/>
      <c r="O4" s="46"/>
      <c r="P4" s="14"/>
      <c r="Q4" s="15"/>
      <c r="R4" s="16"/>
      <c r="S4" s="17"/>
      <c r="T4" s="17"/>
      <c r="U4" s="17"/>
      <c r="V4" s="17"/>
      <c r="W4" s="17"/>
      <c r="X4" s="17"/>
    </row>
    <row r="5" spans="2:24" s="1" customFormat="1" ht="77.099999999999994" customHeight="1">
      <c r="B5" s="155"/>
      <c r="C5" s="155"/>
      <c r="D5" s="155"/>
      <c r="E5" s="155"/>
      <c r="F5" s="155"/>
      <c r="G5" s="155"/>
      <c r="H5" s="155"/>
      <c r="I5" s="155"/>
      <c r="J5" s="155"/>
      <c r="K5" s="155"/>
      <c r="L5" s="155"/>
      <c r="M5" s="155"/>
      <c r="N5" s="46"/>
      <c r="O5" s="46"/>
      <c r="P5" s="5"/>
      <c r="Q5" s="20"/>
      <c r="R5" s="21"/>
      <c r="S5" s="21"/>
      <c r="T5" s="22"/>
      <c r="U5" s="22"/>
      <c r="V5" s="22"/>
      <c r="W5" s="22"/>
      <c r="X5" s="22"/>
    </row>
    <row r="6" spans="2:24" s="1" customFormat="1" ht="77.099999999999994" customHeight="1">
      <c r="B6" s="155"/>
      <c r="C6" s="155"/>
      <c r="D6" s="155"/>
      <c r="E6" s="155"/>
      <c r="F6" s="155"/>
      <c r="G6" s="155"/>
      <c r="H6" s="155"/>
      <c r="I6" s="155"/>
      <c r="J6" s="155"/>
      <c r="K6" s="155"/>
      <c r="L6" s="155"/>
      <c r="M6" s="155"/>
      <c r="N6" s="46"/>
      <c r="O6" s="46"/>
      <c r="P6" s="5"/>
      <c r="Q6" s="22"/>
      <c r="T6" s="22"/>
      <c r="U6" s="22"/>
      <c r="V6" s="22"/>
      <c r="W6" s="22"/>
      <c r="X6" s="22"/>
    </row>
    <row r="7" spans="2:24" s="1" customFormat="1" ht="77.099999999999994" customHeight="1">
      <c r="B7" s="155"/>
      <c r="C7" s="155"/>
      <c r="D7" s="155"/>
      <c r="E7" s="155"/>
      <c r="F7" s="155"/>
      <c r="G7" s="155"/>
      <c r="H7" s="155"/>
      <c r="I7" s="155"/>
      <c r="J7" s="155"/>
      <c r="K7" s="155"/>
      <c r="L7" s="155"/>
      <c r="M7" s="155"/>
      <c r="N7" s="46"/>
      <c r="O7" s="46"/>
      <c r="P7" s="5"/>
      <c r="Q7" s="22"/>
      <c r="R7" s="21"/>
      <c r="S7" s="22"/>
      <c r="T7" s="22"/>
      <c r="U7" s="22"/>
      <c r="V7" s="22"/>
      <c r="W7" s="22"/>
      <c r="X7" s="22"/>
    </row>
    <row r="8" spans="2:24" s="1" customFormat="1" ht="77.099999999999994" customHeight="1">
      <c r="B8" s="155"/>
      <c r="C8" s="155"/>
      <c r="D8" s="155"/>
      <c r="E8" s="155"/>
      <c r="F8" s="155"/>
      <c r="G8" s="155"/>
      <c r="H8" s="155"/>
      <c r="I8" s="155"/>
      <c r="J8" s="155"/>
      <c r="K8" s="155"/>
      <c r="L8" s="155"/>
      <c r="M8" s="155"/>
      <c r="N8" s="46"/>
      <c r="O8" s="46"/>
      <c r="P8" s="5"/>
      <c r="Q8" s="22"/>
      <c r="R8" s="21"/>
      <c r="S8" s="22"/>
      <c r="T8" s="22"/>
      <c r="U8" s="22"/>
      <c r="V8" s="22"/>
      <c r="W8" s="22"/>
      <c r="X8" s="22"/>
    </row>
    <row r="9" spans="2:24" s="1" customFormat="1" ht="77.099999999999994" customHeight="1">
      <c r="B9" s="161" t="s">
        <v>29</v>
      </c>
      <c r="C9" s="161"/>
      <c r="D9" s="161"/>
      <c r="E9" s="161"/>
      <c r="F9" s="161"/>
      <c r="G9" s="161"/>
      <c r="H9" s="161"/>
      <c r="I9" s="161"/>
      <c r="J9" s="161"/>
      <c r="K9" s="161"/>
      <c r="L9" s="161"/>
      <c r="M9" s="161"/>
      <c r="N9" s="161"/>
      <c r="O9" s="76"/>
      <c r="P9" s="5"/>
      <c r="Q9" s="22"/>
      <c r="R9" s="21"/>
      <c r="S9" s="22"/>
      <c r="T9" s="22"/>
      <c r="U9" s="22"/>
      <c r="V9" s="22"/>
      <c r="W9" s="22"/>
      <c r="X9" s="22"/>
    </row>
    <row r="10" spans="2:24" s="1" customFormat="1" ht="77.099999999999994" customHeight="1">
      <c r="B10" s="47"/>
      <c r="C10" s="157" t="s">
        <v>19</v>
      </c>
      <c r="D10" s="157"/>
      <c r="E10" s="157"/>
      <c r="F10" s="157"/>
      <c r="G10" s="157"/>
      <c r="H10" s="157"/>
      <c r="I10" s="157"/>
      <c r="J10" s="157"/>
      <c r="K10" s="157"/>
      <c r="L10" s="157"/>
      <c r="M10" s="157"/>
      <c r="N10" s="47"/>
      <c r="O10" s="70"/>
      <c r="P10" s="158" t="s">
        <v>17</v>
      </c>
      <c r="Q10" s="158"/>
      <c r="R10" s="158"/>
      <c r="S10" s="158"/>
      <c r="T10" s="22"/>
      <c r="U10" s="22"/>
      <c r="V10" s="22"/>
      <c r="W10" s="22"/>
      <c r="X10" s="22"/>
    </row>
    <row r="11" spans="2:24" s="1" customFormat="1" ht="77.099999999999994" customHeight="1">
      <c r="G11" s="18"/>
      <c r="H11" s="18"/>
      <c r="I11" s="19"/>
      <c r="K11" s="4"/>
      <c r="P11" s="151" t="s">
        <v>18</v>
      </c>
      <c r="Q11" s="151"/>
      <c r="R11" s="151"/>
      <c r="S11" s="151"/>
      <c r="T11" s="22"/>
      <c r="U11" s="22"/>
      <c r="V11" s="22"/>
      <c r="W11" s="22"/>
      <c r="X11" s="22"/>
    </row>
    <row r="12" spans="2:24" s="28" customFormat="1" ht="81.599999999999994" customHeight="1">
      <c r="B12" s="23" t="s">
        <v>20</v>
      </c>
      <c r="C12" s="23" t="s">
        <v>0</v>
      </c>
      <c r="D12" s="23" t="s">
        <v>21</v>
      </c>
      <c r="E12" s="66" t="s">
        <v>73</v>
      </c>
      <c r="F12" s="24" t="s">
        <v>1</v>
      </c>
      <c r="G12" s="24" t="s">
        <v>2</v>
      </c>
      <c r="H12" s="24" t="s">
        <v>3</v>
      </c>
      <c r="I12" s="24" t="s">
        <v>4</v>
      </c>
      <c r="J12" s="26" t="s">
        <v>5</v>
      </c>
      <c r="K12" s="25"/>
      <c r="L12" s="23" t="s">
        <v>20</v>
      </c>
      <c r="M12" s="23" t="s">
        <v>0</v>
      </c>
      <c r="N12" s="23" t="s">
        <v>21</v>
      </c>
      <c r="O12" s="66" t="s">
        <v>73</v>
      </c>
      <c r="P12" s="24" t="s">
        <v>1</v>
      </c>
      <c r="Q12" s="24" t="s">
        <v>2</v>
      </c>
      <c r="R12" s="24" t="s">
        <v>3</v>
      </c>
      <c r="S12" s="24" t="s">
        <v>4</v>
      </c>
      <c r="T12" s="26" t="s">
        <v>5</v>
      </c>
      <c r="U12" s="27"/>
    </row>
    <row r="13" spans="2:24" s="28" customFormat="1" ht="130.35" customHeight="1">
      <c r="B13" s="58">
        <v>1</v>
      </c>
      <c r="C13" s="48" t="s">
        <v>8</v>
      </c>
      <c r="D13" s="52" t="s">
        <v>11</v>
      </c>
      <c r="E13" s="67"/>
      <c r="F13" s="51" t="s">
        <v>24</v>
      </c>
      <c r="G13" s="55" t="s">
        <v>41</v>
      </c>
      <c r="H13" s="56">
        <v>1980</v>
      </c>
      <c r="I13" s="61"/>
      <c r="J13" s="49"/>
      <c r="K13" s="57"/>
      <c r="L13" s="58">
        <v>26</v>
      </c>
      <c r="M13" s="48" t="s">
        <v>93</v>
      </c>
      <c r="N13" s="48" t="s">
        <v>9</v>
      </c>
      <c r="O13" s="71"/>
      <c r="P13" s="63" t="s">
        <v>103</v>
      </c>
      <c r="Q13" s="53" t="s">
        <v>91</v>
      </c>
      <c r="R13" s="56">
        <v>2380</v>
      </c>
      <c r="S13" s="74"/>
      <c r="T13" s="49"/>
      <c r="U13" s="29"/>
    </row>
    <row r="14" spans="2:24" s="30" customFormat="1" ht="130.35" customHeight="1">
      <c r="B14" s="58">
        <v>2</v>
      </c>
      <c r="C14" s="48" t="s">
        <v>6</v>
      </c>
      <c r="D14" s="52" t="s">
        <v>51</v>
      </c>
      <c r="E14" s="67"/>
      <c r="F14" s="72" t="s">
        <v>25</v>
      </c>
      <c r="G14" s="55" t="s">
        <v>43</v>
      </c>
      <c r="H14" s="56">
        <v>2280</v>
      </c>
      <c r="I14" s="61"/>
      <c r="J14" s="49"/>
      <c r="K14" s="57"/>
      <c r="L14" s="58">
        <v>27</v>
      </c>
      <c r="M14" s="48" t="s">
        <v>93</v>
      </c>
      <c r="N14" s="48" t="s">
        <v>9</v>
      </c>
      <c r="O14" s="71"/>
      <c r="P14" s="63" t="s">
        <v>89</v>
      </c>
      <c r="Q14" s="53" t="s">
        <v>90</v>
      </c>
      <c r="R14" s="56">
        <v>2380</v>
      </c>
      <c r="S14" s="64"/>
      <c r="T14" s="65"/>
      <c r="U14" s="29"/>
    </row>
    <row r="15" spans="2:24" s="28" customFormat="1" ht="130.35" customHeight="1">
      <c r="B15" s="58">
        <v>3</v>
      </c>
      <c r="C15" s="48" t="s">
        <v>7</v>
      </c>
      <c r="D15" s="52" t="s">
        <v>11</v>
      </c>
      <c r="E15" s="67"/>
      <c r="F15" s="59" t="s">
        <v>94</v>
      </c>
      <c r="G15" s="55" t="s">
        <v>37</v>
      </c>
      <c r="H15" s="56">
        <v>1980</v>
      </c>
      <c r="I15" s="73"/>
      <c r="J15" s="49"/>
      <c r="K15" s="57"/>
      <c r="L15" s="58">
        <v>28</v>
      </c>
      <c r="M15" s="48" t="s">
        <v>13</v>
      </c>
      <c r="N15" s="52" t="s">
        <v>9</v>
      </c>
      <c r="O15" s="67"/>
      <c r="P15" s="50" t="s">
        <v>46</v>
      </c>
      <c r="Q15" s="53" t="s">
        <v>48</v>
      </c>
      <c r="R15" s="56">
        <v>1680</v>
      </c>
      <c r="S15" s="64"/>
      <c r="T15" s="65"/>
      <c r="U15" s="29"/>
    </row>
    <row r="16" spans="2:24" s="28" customFormat="1" ht="130.35" customHeight="1">
      <c r="B16" s="58">
        <v>4</v>
      </c>
      <c r="C16" s="48" t="s">
        <v>16</v>
      </c>
      <c r="D16" s="52" t="s">
        <v>11</v>
      </c>
      <c r="E16" s="68" t="s">
        <v>74</v>
      </c>
      <c r="F16" s="50" t="s">
        <v>31</v>
      </c>
      <c r="G16" s="55" t="s">
        <v>32</v>
      </c>
      <c r="H16" s="56">
        <v>1800</v>
      </c>
      <c r="I16" s="61"/>
      <c r="J16" s="49"/>
      <c r="K16" s="57"/>
      <c r="L16" s="58">
        <v>29</v>
      </c>
      <c r="M16" s="48" t="s">
        <v>28</v>
      </c>
      <c r="N16" s="52" t="s">
        <v>9</v>
      </c>
      <c r="O16" s="67"/>
      <c r="P16" s="50" t="s">
        <v>47</v>
      </c>
      <c r="Q16" s="53" t="s">
        <v>49</v>
      </c>
      <c r="R16" s="56">
        <v>1680</v>
      </c>
      <c r="S16" s="64"/>
      <c r="T16" s="65"/>
      <c r="U16" s="29"/>
    </row>
    <row r="17" spans="2:21" s="28" customFormat="1" ht="130.35" customHeight="1">
      <c r="B17" s="58">
        <v>5</v>
      </c>
      <c r="C17" s="48" t="s">
        <v>14</v>
      </c>
      <c r="D17" s="52" t="s">
        <v>11</v>
      </c>
      <c r="E17" s="67"/>
      <c r="F17" s="50" t="s">
        <v>69</v>
      </c>
      <c r="G17" s="55" t="s">
        <v>33</v>
      </c>
      <c r="H17" s="56">
        <v>2000</v>
      </c>
      <c r="I17" s="61"/>
      <c r="J17" s="49"/>
      <c r="K17" s="57"/>
      <c r="L17" s="58">
        <v>30</v>
      </c>
      <c r="M17" s="48" t="s">
        <v>34</v>
      </c>
      <c r="N17" s="52" t="s">
        <v>9</v>
      </c>
      <c r="O17" s="67"/>
      <c r="P17" s="50" t="s">
        <v>66</v>
      </c>
      <c r="Q17" s="53" t="s">
        <v>67</v>
      </c>
      <c r="R17" s="56">
        <v>1680</v>
      </c>
      <c r="S17" s="64"/>
      <c r="T17" s="65"/>
      <c r="U17" s="29"/>
    </row>
    <row r="18" spans="2:21" s="28" customFormat="1" ht="130.35" customHeight="1">
      <c r="B18" s="58">
        <v>6</v>
      </c>
      <c r="C18" s="48" t="s">
        <v>72</v>
      </c>
      <c r="D18" s="52" t="s">
        <v>51</v>
      </c>
      <c r="E18" s="71"/>
      <c r="F18" s="50" t="s">
        <v>85</v>
      </c>
      <c r="G18" s="53" t="s">
        <v>86</v>
      </c>
      <c r="H18" s="56">
        <v>1980</v>
      </c>
      <c r="I18" s="61"/>
      <c r="J18" s="49"/>
      <c r="K18" s="57"/>
      <c r="L18" s="78">
        <v>31</v>
      </c>
      <c r="M18" s="62"/>
      <c r="N18" s="62"/>
      <c r="O18" s="71"/>
      <c r="P18" s="63"/>
      <c r="Q18" s="55"/>
      <c r="R18" s="56"/>
      <c r="S18" s="64"/>
      <c r="T18" s="65"/>
      <c r="U18" s="29"/>
    </row>
    <row r="19" spans="2:21" s="28" customFormat="1" ht="130.35" customHeight="1">
      <c r="B19" s="58">
        <v>7</v>
      </c>
      <c r="C19" s="48" t="s">
        <v>35</v>
      </c>
      <c r="D19" s="52" t="s">
        <v>11</v>
      </c>
      <c r="E19" s="68" t="s">
        <v>74</v>
      </c>
      <c r="F19" s="63" t="s">
        <v>99</v>
      </c>
      <c r="G19" s="55" t="s">
        <v>36</v>
      </c>
      <c r="H19" s="56">
        <v>1380</v>
      </c>
      <c r="I19" s="61"/>
      <c r="J19" s="49"/>
      <c r="K19" s="57"/>
      <c r="L19" s="78">
        <v>32</v>
      </c>
      <c r="M19" s="62"/>
      <c r="N19" s="62"/>
      <c r="O19" s="71"/>
      <c r="P19" s="63"/>
      <c r="Q19" s="55"/>
      <c r="R19" s="56"/>
      <c r="S19" s="64"/>
      <c r="T19" s="65"/>
      <c r="U19" s="29"/>
    </row>
    <row r="20" spans="2:21" s="28" customFormat="1" ht="130.35" customHeight="1">
      <c r="B20" s="58">
        <v>8</v>
      </c>
      <c r="C20" s="48" t="s">
        <v>55</v>
      </c>
      <c r="D20" s="52" t="s">
        <v>51</v>
      </c>
      <c r="E20" s="68"/>
      <c r="F20" s="51" t="s">
        <v>96</v>
      </c>
      <c r="G20" s="53" t="s">
        <v>97</v>
      </c>
      <c r="H20" s="56">
        <v>1800</v>
      </c>
      <c r="I20" s="61"/>
      <c r="J20" s="49"/>
      <c r="K20" s="57"/>
      <c r="L20" s="78">
        <v>33</v>
      </c>
      <c r="M20" s="62"/>
      <c r="N20" s="62"/>
      <c r="O20" s="71"/>
      <c r="P20" s="63"/>
      <c r="Q20" s="55"/>
      <c r="R20" s="56"/>
      <c r="S20" s="64"/>
      <c r="T20" s="65"/>
      <c r="U20" s="29"/>
    </row>
    <row r="21" spans="2:21" s="28" customFormat="1" ht="130.35" customHeight="1">
      <c r="B21" s="58">
        <v>9</v>
      </c>
      <c r="C21" s="48" t="s">
        <v>12</v>
      </c>
      <c r="D21" s="52" t="s">
        <v>11</v>
      </c>
      <c r="E21" s="67"/>
      <c r="F21" s="63" t="s">
        <v>100</v>
      </c>
      <c r="G21" s="55" t="s">
        <v>38</v>
      </c>
      <c r="H21" s="56">
        <v>1480</v>
      </c>
      <c r="I21" s="61"/>
      <c r="J21" s="49"/>
      <c r="K21" s="57"/>
      <c r="L21" s="78">
        <v>34</v>
      </c>
      <c r="M21" s="62"/>
      <c r="N21" s="62"/>
      <c r="O21" s="71"/>
      <c r="P21" s="63"/>
      <c r="Q21" s="55"/>
      <c r="R21" s="56"/>
      <c r="S21" s="64"/>
      <c r="T21" s="65"/>
      <c r="U21" s="29"/>
    </row>
    <row r="22" spans="2:21" s="28" customFormat="1" ht="130.35" customHeight="1">
      <c r="B22" s="58">
        <v>10</v>
      </c>
      <c r="C22" s="48" t="s">
        <v>12</v>
      </c>
      <c r="D22" s="52" t="s">
        <v>11</v>
      </c>
      <c r="E22" s="67"/>
      <c r="F22" s="63" t="s">
        <v>22</v>
      </c>
      <c r="G22" s="55" t="s">
        <v>39</v>
      </c>
      <c r="H22" s="56">
        <v>1480</v>
      </c>
      <c r="I22" s="61"/>
      <c r="J22" s="49"/>
      <c r="K22" s="57"/>
      <c r="L22" s="78">
        <v>35</v>
      </c>
      <c r="M22" s="62"/>
      <c r="N22" s="62"/>
      <c r="O22" s="71"/>
      <c r="P22" s="63"/>
      <c r="Q22" s="55"/>
      <c r="R22" s="56"/>
      <c r="S22" s="64"/>
      <c r="T22" s="65"/>
    </row>
    <row r="23" spans="2:21" s="28" customFormat="1" ht="130.35" customHeight="1">
      <c r="B23" s="58">
        <v>11</v>
      </c>
      <c r="C23" s="48" t="s">
        <v>15</v>
      </c>
      <c r="D23" s="52" t="s">
        <v>50</v>
      </c>
      <c r="E23" s="67"/>
      <c r="F23" s="50" t="s">
        <v>26</v>
      </c>
      <c r="G23" s="55" t="s">
        <v>44</v>
      </c>
      <c r="H23" s="56">
        <v>1380</v>
      </c>
      <c r="I23" s="61"/>
      <c r="J23" s="49"/>
      <c r="K23" s="57"/>
      <c r="L23" s="78">
        <v>36</v>
      </c>
      <c r="M23" s="62"/>
      <c r="N23" s="62"/>
      <c r="O23" s="71"/>
      <c r="P23" s="63"/>
      <c r="Q23" s="55"/>
      <c r="R23" s="56"/>
      <c r="S23" s="64"/>
      <c r="T23" s="65"/>
      <c r="U23" s="29"/>
    </row>
    <row r="24" spans="2:21" s="28" customFormat="1" ht="130.35" customHeight="1">
      <c r="B24" s="58">
        <v>12</v>
      </c>
      <c r="C24" s="48" t="s">
        <v>15</v>
      </c>
      <c r="D24" s="52" t="s">
        <v>50</v>
      </c>
      <c r="E24" s="67"/>
      <c r="F24" s="60" t="s">
        <v>27</v>
      </c>
      <c r="G24" s="55" t="s">
        <v>45</v>
      </c>
      <c r="H24" s="56">
        <v>1780</v>
      </c>
      <c r="I24" s="61"/>
      <c r="J24" s="49"/>
      <c r="K24" s="57"/>
      <c r="L24" s="78">
        <v>37</v>
      </c>
      <c r="M24" s="62"/>
      <c r="N24" s="62"/>
      <c r="O24" s="71"/>
      <c r="P24" s="63"/>
      <c r="Q24" s="55"/>
      <c r="R24" s="56"/>
      <c r="S24" s="64"/>
      <c r="T24" s="65"/>
      <c r="U24" s="29"/>
    </row>
    <row r="25" spans="2:21" s="28" customFormat="1" ht="130.35" customHeight="1">
      <c r="B25" s="58">
        <v>13</v>
      </c>
      <c r="C25" s="48" t="s">
        <v>52</v>
      </c>
      <c r="D25" s="52" t="s">
        <v>50</v>
      </c>
      <c r="E25" s="67"/>
      <c r="F25" s="50" t="s">
        <v>68</v>
      </c>
      <c r="G25" s="53" t="s">
        <v>75</v>
      </c>
      <c r="H25" s="56">
        <v>1780</v>
      </c>
      <c r="I25" s="74"/>
      <c r="J25" s="49"/>
      <c r="K25" s="57"/>
      <c r="L25" s="78">
        <v>38</v>
      </c>
      <c r="M25" s="62"/>
      <c r="N25" s="62"/>
      <c r="O25" s="71"/>
      <c r="P25" s="63"/>
      <c r="Q25" s="55"/>
      <c r="R25" s="56"/>
      <c r="S25" s="64"/>
      <c r="T25" s="65"/>
      <c r="U25" s="29"/>
    </row>
    <row r="26" spans="2:21" s="28" customFormat="1" ht="130.35" customHeight="1">
      <c r="B26" s="58">
        <v>14</v>
      </c>
      <c r="C26" s="48" t="s">
        <v>53</v>
      </c>
      <c r="D26" s="52" t="s">
        <v>50</v>
      </c>
      <c r="E26" s="67"/>
      <c r="F26" s="60" t="s">
        <v>60</v>
      </c>
      <c r="G26" s="53" t="s">
        <v>61</v>
      </c>
      <c r="H26" s="56">
        <v>1580</v>
      </c>
      <c r="I26" s="74"/>
      <c r="J26" s="49"/>
      <c r="K26" s="57"/>
      <c r="L26" s="78">
        <v>39</v>
      </c>
      <c r="M26" s="62"/>
      <c r="N26" s="62"/>
      <c r="O26" s="71"/>
      <c r="P26" s="63"/>
      <c r="Q26" s="55"/>
      <c r="R26" s="56"/>
      <c r="S26" s="64"/>
      <c r="T26" s="65"/>
      <c r="U26" s="29"/>
    </row>
    <row r="27" spans="2:21" s="28" customFormat="1" ht="130.35" customHeight="1">
      <c r="B27" s="58">
        <v>15</v>
      </c>
      <c r="C27" s="48" t="s">
        <v>10</v>
      </c>
      <c r="D27" s="52" t="s">
        <v>50</v>
      </c>
      <c r="E27" s="67"/>
      <c r="F27" s="54" t="s">
        <v>23</v>
      </c>
      <c r="G27" s="55" t="s">
        <v>40</v>
      </c>
      <c r="H27" s="56">
        <v>1980</v>
      </c>
      <c r="I27" s="61"/>
      <c r="J27" s="49"/>
      <c r="K27" s="57"/>
      <c r="L27" s="78">
        <v>40</v>
      </c>
      <c r="M27" s="62"/>
      <c r="N27" s="62"/>
      <c r="O27" s="71"/>
      <c r="P27" s="63"/>
      <c r="Q27" s="55"/>
      <c r="R27" s="56"/>
      <c r="S27" s="64"/>
      <c r="T27" s="65"/>
      <c r="U27" s="29"/>
    </row>
    <row r="28" spans="2:21" s="28" customFormat="1" ht="130.35" customHeight="1">
      <c r="B28" s="58">
        <v>16</v>
      </c>
      <c r="C28" s="48" t="s">
        <v>83</v>
      </c>
      <c r="D28" s="52" t="s">
        <v>50</v>
      </c>
      <c r="E28" s="71"/>
      <c r="F28" s="50" t="s">
        <v>78</v>
      </c>
      <c r="G28" s="53" t="s">
        <v>76</v>
      </c>
      <c r="H28" s="56">
        <v>2200</v>
      </c>
      <c r="I28" s="74"/>
      <c r="J28" s="49"/>
      <c r="K28" s="57"/>
      <c r="L28" s="78">
        <v>41</v>
      </c>
      <c r="M28" s="62"/>
      <c r="N28" s="62"/>
      <c r="O28" s="71"/>
      <c r="P28" s="63"/>
      <c r="Q28" s="55"/>
      <c r="R28" s="56"/>
      <c r="S28" s="64"/>
      <c r="T28" s="65"/>
      <c r="U28" s="29"/>
    </row>
    <row r="29" spans="2:21" s="28" customFormat="1" ht="130.35" customHeight="1">
      <c r="B29" s="58">
        <v>17</v>
      </c>
      <c r="C29" s="48" t="s">
        <v>10</v>
      </c>
      <c r="D29" s="52" t="s">
        <v>50</v>
      </c>
      <c r="E29" s="71"/>
      <c r="F29" s="50" t="s">
        <v>84</v>
      </c>
      <c r="G29" s="55" t="s">
        <v>80</v>
      </c>
      <c r="H29" s="56">
        <v>1780</v>
      </c>
      <c r="I29" s="61"/>
      <c r="J29" s="49"/>
      <c r="K29" s="57"/>
      <c r="L29" s="78">
        <v>42</v>
      </c>
      <c r="M29" s="62"/>
      <c r="N29" s="62"/>
      <c r="O29" s="71"/>
      <c r="P29" s="63"/>
      <c r="Q29" s="55"/>
      <c r="R29" s="56"/>
      <c r="S29" s="64"/>
      <c r="T29" s="65"/>
      <c r="U29" s="29"/>
    </row>
    <row r="30" spans="2:21" s="28" customFormat="1" ht="130.35" customHeight="1">
      <c r="B30" s="58">
        <v>18</v>
      </c>
      <c r="C30" s="48" t="s">
        <v>87</v>
      </c>
      <c r="D30" s="52" t="s">
        <v>42</v>
      </c>
      <c r="E30" s="68" t="s">
        <v>74</v>
      </c>
      <c r="F30" s="50" t="s">
        <v>81</v>
      </c>
      <c r="G30" s="53" t="s">
        <v>82</v>
      </c>
      <c r="H30" s="56">
        <v>1800</v>
      </c>
      <c r="I30" s="61"/>
      <c r="J30" s="49"/>
      <c r="K30" s="57"/>
      <c r="L30" s="78">
        <v>43</v>
      </c>
      <c r="M30" s="62"/>
      <c r="N30" s="62"/>
      <c r="O30" s="71"/>
      <c r="P30" s="63"/>
      <c r="Q30" s="55"/>
      <c r="R30" s="56"/>
      <c r="S30" s="64"/>
      <c r="T30" s="65"/>
      <c r="U30" s="29"/>
    </row>
    <row r="31" spans="2:21" s="28" customFormat="1" ht="130.35" customHeight="1">
      <c r="B31" s="58">
        <v>19</v>
      </c>
      <c r="C31" s="48" t="s">
        <v>55</v>
      </c>
      <c r="D31" s="52" t="s">
        <v>50</v>
      </c>
      <c r="E31" s="67"/>
      <c r="F31" s="59" t="s">
        <v>58</v>
      </c>
      <c r="G31" s="53" t="s">
        <v>59</v>
      </c>
      <c r="H31" s="56">
        <v>1800</v>
      </c>
      <c r="I31" s="61"/>
      <c r="J31" s="49"/>
      <c r="K31" s="57"/>
      <c r="L31" s="78">
        <v>44</v>
      </c>
      <c r="M31" s="62"/>
      <c r="N31" s="62"/>
      <c r="O31" s="71"/>
      <c r="P31" s="63"/>
      <c r="Q31" s="55"/>
      <c r="R31" s="56"/>
      <c r="S31" s="64"/>
      <c r="T31" s="65"/>
      <c r="U31" s="29"/>
    </row>
    <row r="32" spans="2:21" s="28" customFormat="1" ht="130.35" customHeight="1">
      <c r="B32" s="58">
        <v>20</v>
      </c>
      <c r="C32" s="48" t="s">
        <v>88</v>
      </c>
      <c r="D32" s="52" t="s">
        <v>71</v>
      </c>
      <c r="E32" s="71"/>
      <c r="F32" s="50" t="s">
        <v>79</v>
      </c>
      <c r="G32" s="53" t="s">
        <v>77</v>
      </c>
      <c r="H32" s="56">
        <v>2680</v>
      </c>
      <c r="I32" s="74"/>
      <c r="J32" s="49"/>
      <c r="K32" s="57"/>
      <c r="L32" s="78">
        <v>45</v>
      </c>
      <c r="M32" s="62"/>
      <c r="N32" s="62"/>
      <c r="O32" s="71"/>
      <c r="P32" s="63"/>
      <c r="Q32" s="55"/>
      <c r="R32" s="56"/>
      <c r="S32" s="64"/>
      <c r="T32" s="65"/>
      <c r="U32" s="29"/>
    </row>
    <row r="33" spans="2:24" s="28" customFormat="1" ht="130.35" customHeight="1">
      <c r="B33" s="58">
        <v>21</v>
      </c>
      <c r="C33" s="48" t="s">
        <v>54</v>
      </c>
      <c r="D33" s="52" t="s">
        <v>9</v>
      </c>
      <c r="E33" s="67"/>
      <c r="F33" s="63" t="s">
        <v>62</v>
      </c>
      <c r="G33" s="53" t="s">
        <v>63</v>
      </c>
      <c r="H33" s="56">
        <v>2580</v>
      </c>
      <c r="I33" s="74"/>
      <c r="J33" s="49"/>
      <c r="K33" s="57"/>
      <c r="L33" s="78">
        <v>46</v>
      </c>
      <c r="M33" s="62"/>
      <c r="N33" s="62"/>
      <c r="O33" s="71"/>
      <c r="P33" s="63"/>
      <c r="Q33" s="55"/>
      <c r="R33" s="56"/>
      <c r="S33" s="64"/>
      <c r="T33" s="65"/>
      <c r="U33" s="29"/>
    </row>
    <row r="34" spans="2:24" s="28" customFormat="1" ht="130.35" customHeight="1">
      <c r="B34" s="58">
        <v>22</v>
      </c>
      <c r="C34" s="48" t="s">
        <v>54</v>
      </c>
      <c r="D34" s="52" t="s">
        <v>9</v>
      </c>
      <c r="E34" s="67"/>
      <c r="F34" s="63" t="s">
        <v>64</v>
      </c>
      <c r="G34" s="53" t="s">
        <v>65</v>
      </c>
      <c r="H34" s="56">
        <v>2580</v>
      </c>
      <c r="I34" s="74"/>
      <c r="J34" s="49"/>
      <c r="K34" s="57"/>
      <c r="L34" s="78">
        <v>47</v>
      </c>
      <c r="M34" s="48"/>
      <c r="N34" s="62"/>
      <c r="O34" s="71"/>
      <c r="P34" s="63"/>
      <c r="Q34" s="55"/>
      <c r="R34" s="56"/>
      <c r="S34" s="64"/>
      <c r="T34" s="65"/>
      <c r="U34" s="29"/>
    </row>
    <row r="35" spans="2:24" s="28" customFormat="1" ht="130.35" customHeight="1">
      <c r="B35" s="58">
        <v>23</v>
      </c>
      <c r="C35" s="48" t="s">
        <v>70</v>
      </c>
      <c r="D35" s="52" t="s">
        <v>9</v>
      </c>
      <c r="E35" s="67"/>
      <c r="F35" s="60" t="s">
        <v>56</v>
      </c>
      <c r="G35" s="53" t="s">
        <v>57</v>
      </c>
      <c r="H35" s="56">
        <v>2680</v>
      </c>
      <c r="I35" s="61"/>
      <c r="J35" s="49"/>
      <c r="K35" s="57"/>
      <c r="L35" s="78">
        <v>48</v>
      </c>
      <c r="M35" s="62"/>
      <c r="N35" s="52"/>
      <c r="O35" s="68"/>
      <c r="P35" s="59"/>
      <c r="Q35" s="55"/>
      <c r="R35" s="56"/>
      <c r="S35" s="64"/>
      <c r="T35" s="65"/>
      <c r="U35" s="29"/>
    </row>
    <row r="36" spans="2:24" s="28" customFormat="1" ht="130.35" customHeight="1">
      <c r="B36" s="58">
        <v>24</v>
      </c>
      <c r="C36" s="48" t="s">
        <v>70</v>
      </c>
      <c r="D36" s="48" t="s">
        <v>9</v>
      </c>
      <c r="E36" s="71"/>
      <c r="F36" s="63" t="s">
        <v>101</v>
      </c>
      <c r="G36" s="53" t="s">
        <v>95</v>
      </c>
      <c r="H36" s="56">
        <v>2680</v>
      </c>
      <c r="I36" s="61"/>
      <c r="J36" s="49"/>
      <c r="K36" s="57"/>
      <c r="L36" s="78">
        <v>49</v>
      </c>
      <c r="M36" s="58"/>
      <c r="N36" s="58"/>
      <c r="O36" s="58"/>
      <c r="P36" s="58"/>
      <c r="Q36" s="58"/>
      <c r="R36" s="56"/>
      <c r="S36" s="64"/>
      <c r="T36" s="65"/>
      <c r="U36" s="29"/>
    </row>
    <row r="37" spans="2:24" s="28" customFormat="1" ht="130.35" customHeight="1">
      <c r="B37" s="58">
        <v>25</v>
      </c>
      <c r="C37" s="48" t="s">
        <v>70</v>
      </c>
      <c r="D37" s="48" t="s">
        <v>9</v>
      </c>
      <c r="E37" s="71"/>
      <c r="F37" s="63" t="s">
        <v>102</v>
      </c>
      <c r="G37" s="53" t="s">
        <v>92</v>
      </c>
      <c r="H37" s="56">
        <v>2680</v>
      </c>
      <c r="I37" s="74"/>
      <c r="J37" s="49"/>
      <c r="K37" s="57"/>
      <c r="L37" s="78">
        <v>50</v>
      </c>
      <c r="M37" s="65"/>
      <c r="N37" s="65"/>
      <c r="O37" s="65"/>
      <c r="P37" s="65"/>
      <c r="Q37" s="65"/>
      <c r="R37" s="65"/>
      <c r="S37" s="65"/>
      <c r="T37" s="65"/>
      <c r="U37" s="29"/>
    </row>
    <row r="38" spans="2:24" s="35" customFormat="1" ht="96.6" customHeight="1">
      <c r="B38" s="31"/>
      <c r="E38" s="69"/>
      <c r="K38" s="17"/>
      <c r="L38" s="31"/>
      <c r="M38" s="31"/>
      <c r="N38" s="31"/>
      <c r="O38" s="31"/>
      <c r="P38" s="31"/>
      <c r="Q38" s="31"/>
      <c r="R38" s="31"/>
      <c r="S38" s="1"/>
      <c r="T38" s="31"/>
      <c r="U38" s="34"/>
    </row>
    <row r="39" spans="2:24" s="35" customFormat="1" ht="30.6" customHeight="1">
      <c r="B39" s="31"/>
      <c r="C39" s="31"/>
      <c r="D39" s="31"/>
      <c r="E39" s="1"/>
      <c r="F39" s="31"/>
      <c r="G39" s="31"/>
      <c r="H39" s="32"/>
      <c r="I39" s="32"/>
      <c r="J39" s="32"/>
      <c r="K39" s="17"/>
      <c r="L39" s="1"/>
      <c r="M39" s="1"/>
      <c r="N39" s="1"/>
      <c r="O39" s="1"/>
      <c r="P39" s="3"/>
      <c r="Q39" s="1"/>
      <c r="R39" s="33"/>
      <c r="S39" s="1"/>
      <c r="T39" s="36"/>
      <c r="U39" s="37"/>
      <c r="V39" s="38"/>
      <c r="W39" s="38"/>
      <c r="X39" s="38"/>
    </row>
    <row r="40" spans="2:24" s="1" customFormat="1" ht="48.95" customHeight="1">
      <c r="E40" s="42"/>
      <c r="I40" s="32"/>
      <c r="J40" s="32"/>
      <c r="K40" s="39"/>
      <c r="L40" s="40"/>
      <c r="M40" s="42"/>
      <c r="N40" s="42"/>
      <c r="O40" s="42"/>
      <c r="P40" s="43"/>
      <c r="Q40" s="42"/>
      <c r="R40" s="45"/>
      <c r="T40" s="34"/>
      <c r="U40" s="34"/>
      <c r="V40" s="34"/>
      <c r="W40" s="34"/>
      <c r="X40" s="34"/>
    </row>
    <row r="41" spans="2:24" ht="13.5">
      <c r="B41" s="40"/>
      <c r="C41" s="40"/>
      <c r="D41" s="40"/>
      <c r="E41" s="40"/>
      <c r="F41" s="40"/>
      <c r="G41" s="40"/>
      <c r="H41" s="40"/>
      <c r="L41" s="40"/>
      <c r="M41" s="40"/>
      <c r="N41" s="40"/>
      <c r="O41" s="40"/>
      <c r="P41" s="40"/>
      <c r="Q41" s="40"/>
      <c r="R41" s="40"/>
      <c r="S41" s="40"/>
    </row>
    <row r="42" spans="2:24" ht="13.5">
      <c r="B42" s="40"/>
      <c r="C42" s="40"/>
      <c r="D42" s="40"/>
      <c r="E42" s="40"/>
      <c r="F42" s="40"/>
      <c r="G42" s="40"/>
      <c r="H42" s="40"/>
      <c r="L42" s="40"/>
      <c r="M42" s="40"/>
      <c r="N42" s="40"/>
      <c r="O42" s="40"/>
      <c r="P42" s="40"/>
      <c r="Q42" s="40"/>
      <c r="R42" s="40"/>
      <c r="S42" s="40"/>
    </row>
    <row r="43" spans="2:24" ht="13.5">
      <c r="B43" s="40"/>
      <c r="C43" s="40"/>
      <c r="D43" s="40"/>
      <c r="E43" s="40"/>
      <c r="F43" s="40"/>
      <c r="G43" s="40"/>
      <c r="H43" s="40"/>
      <c r="L43" s="40"/>
      <c r="M43" s="40"/>
      <c r="N43" s="40"/>
      <c r="O43" s="40"/>
      <c r="P43" s="40"/>
      <c r="Q43" s="40"/>
      <c r="R43" s="40"/>
      <c r="S43" s="40"/>
    </row>
    <row r="44" spans="2:24" ht="13.5">
      <c r="B44" s="40"/>
      <c r="C44" s="40"/>
      <c r="D44" s="40"/>
      <c r="E44" s="40"/>
      <c r="F44" s="40"/>
      <c r="G44" s="40"/>
      <c r="H44" s="40"/>
      <c r="L44" s="40"/>
      <c r="M44" s="40"/>
      <c r="N44" s="40"/>
      <c r="O44" s="40"/>
      <c r="P44" s="40"/>
      <c r="Q44" s="40"/>
      <c r="R44" s="40"/>
      <c r="S44" s="40"/>
    </row>
    <row r="45" spans="2:24" ht="13.5">
      <c r="B45" s="40"/>
      <c r="C45" s="40"/>
      <c r="D45" s="40"/>
      <c r="E45" s="40"/>
      <c r="F45" s="40"/>
      <c r="G45" s="40"/>
      <c r="H45" s="40"/>
      <c r="L45" s="40"/>
      <c r="M45" s="40"/>
      <c r="N45" s="40"/>
      <c r="O45" s="40"/>
      <c r="P45" s="40"/>
      <c r="Q45" s="40"/>
      <c r="R45" s="40"/>
      <c r="S45" s="40"/>
    </row>
    <row r="46" spans="2:24" ht="13.5">
      <c r="B46" s="40"/>
      <c r="C46" s="40"/>
      <c r="D46" s="40"/>
      <c r="E46" s="40"/>
      <c r="F46" s="40"/>
      <c r="G46" s="40"/>
      <c r="H46" s="40"/>
      <c r="L46" s="40"/>
      <c r="M46" s="40"/>
      <c r="N46" s="40"/>
      <c r="O46" s="40"/>
      <c r="P46" s="40"/>
      <c r="Q46" s="40"/>
      <c r="R46" s="40"/>
      <c r="S46" s="40"/>
    </row>
    <row r="47" spans="2:24" ht="13.5">
      <c r="B47" s="40"/>
      <c r="C47" s="40"/>
      <c r="D47" s="40"/>
      <c r="E47" s="40"/>
      <c r="F47" s="40"/>
      <c r="G47" s="40"/>
      <c r="H47" s="40"/>
      <c r="L47" s="40"/>
      <c r="M47" s="40"/>
      <c r="N47" s="40"/>
      <c r="O47" s="40"/>
      <c r="P47" s="40"/>
      <c r="Q47" s="40"/>
      <c r="R47" s="40"/>
      <c r="S47" s="40"/>
    </row>
    <row r="48" spans="2:24" ht="13.5">
      <c r="B48" s="40"/>
      <c r="C48" s="40"/>
      <c r="D48" s="40"/>
      <c r="E48" s="40"/>
      <c r="F48" s="40"/>
      <c r="G48" s="40"/>
      <c r="H48" s="40"/>
      <c r="L48" s="40"/>
      <c r="M48" s="40"/>
      <c r="N48" s="40"/>
      <c r="O48" s="40"/>
      <c r="P48" s="40"/>
      <c r="Q48" s="40"/>
      <c r="R48" s="40"/>
      <c r="S48" s="40"/>
    </row>
    <row r="49" spans="2:19" ht="13.5">
      <c r="B49" s="40"/>
      <c r="C49" s="40"/>
      <c r="D49" s="40"/>
      <c r="E49" s="40"/>
      <c r="F49" s="40"/>
      <c r="G49" s="40"/>
      <c r="H49" s="40"/>
      <c r="L49" s="40"/>
      <c r="M49" s="40"/>
      <c r="N49" s="40"/>
      <c r="O49" s="40"/>
      <c r="P49" s="40"/>
      <c r="Q49" s="40"/>
      <c r="R49" s="40"/>
      <c r="S49" s="40"/>
    </row>
    <row r="50" spans="2:19" ht="13.5">
      <c r="B50" s="40"/>
      <c r="C50" s="40"/>
      <c r="D50" s="40"/>
      <c r="E50" s="40"/>
      <c r="F50" s="40"/>
      <c r="G50" s="40"/>
      <c r="H50" s="40"/>
      <c r="L50" s="40"/>
      <c r="M50" s="40"/>
      <c r="N50" s="40"/>
      <c r="O50" s="40"/>
      <c r="P50" s="40"/>
      <c r="Q50" s="40"/>
      <c r="R50" s="40"/>
      <c r="S50" s="40"/>
    </row>
    <row r="51" spans="2:19" ht="13.5">
      <c r="B51" s="40"/>
      <c r="C51" s="40"/>
      <c r="D51" s="40"/>
      <c r="E51" s="40"/>
      <c r="F51" s="40"/>
      <c r="G51" s="40"/>
      <c r="H51" s="40"/>
      <c r="L51" s="40"/>
      <c r="M51" s="40"/>
      <c r="N51" s="40"/>
      <c r="O51" s="40"/>
      <c r="P51" s="40"/>
      <c r="Q51" s="40"/>
      <c r="R51" s="40"/>
      <c r="S51" s="40"/>
    </row>
    <row r="52" spans="2:19" ht="13.5">
      <c r="B52" s="40"/>
      <c r="C52" s="40"/>
      <c r="D52" s="40"/>
      <c r="E52" s="40"/>
      <c r="F52" s="40"/>
      <c r="G52" s="40"/>
      <c r="H52" s="40"/>
      <c r="L52" s="40"/>
      <c r="M52" s="40"/>
      <c r="N52" s="40"/>
      <c r="O52" s="40"/>
      <c r="P52" s="40"/>
      <c r="Q52" s="40"/>
      <c r="R52" s="40"/>
      <c r="S52" s="40"/>
    </row>
    <row r="53" spans="2:19" ht="13.5">
      <c r="B53" s="40"/>
      <c r="C53" s="40"/>
      <c r="D53" s="40"/>
      <c r="E53" s="40"/>
      <c r="F53" s="40"/>
      <c r="G53" s="40"/>
      <c r="H53" s="40"/>
      <c r="L53" s="40"/>
      <c r="M53" s="40"/>
      <c r="N53" s="40"/>
      <c r="O53" s="40"/>
      <c r="P53" s="40"/>
      <c r="Q53" s="40"/>
      <c r="R53" s="40"/>
      <c r="S53" s="40"/>
    </row>
    <row r="54" spans="2:19" ht="54.95" customHeight="1">
      <c r="B54" s="40"/>
      <c r="C54" s="40"/>
      <c r="D54" s="40"/>
      <c r="E54" s="40"/>
      <c r="F54" s="40"/>
      <c r="G54" s="40"/>
      <c r="H54" s="40"/>
      <c r="L54" s="40"/>
      <c r="M54" s="40"/>
      <c r="N54" s="40"/>
      <c r="O54" s="40"/>
      <c r="P54" s="40"/>
      <c r="Q54" s="40"/>
      <c r="R54" s="40"/>
      <c r="S54" s="40"/>
    </row>
    <row r="55" spans="2:19" ht="13.5">
      <c r="B55" s="40"/>
      <c r="C55" s="40"/>
      <c r="D55" s="40"/>
      <c r="E55" s="40"/>
      <c r="F55" s="40"/>
      <c r="G55" s="40"/>
      <c r="H55" s="40"/>
      <c r="L55" s="40"/>
      <c r="M55" s="40"/>
      <c r="N55" s="40"/>
      <c r="O55" s="40"/>
      <c r="P55" s="40"/>
      <c r="Q55" s="40"/>
      <c r="R55" s="40"/>
      <c r="S55" s="40"/>
    </row>
    <row r="56" spans="2:19" ht="13.5">
      <c r="B56" s="40"/>
      <c r="C56" s="40"/>
      <c r="D56" s="40"/>
      <c r="E56" s="40"/>
      <c r="F56" s="40"/>
      <c r="G56" s="40"/>
      <c r="H56" s="40"/>
      <c r="L56" s="40"/>
      <c r="M56" s="40"/>
      <c r="N56" s="40"/>
      <c r="O56" s="40"/>
      <c r="P56" s="40"/>
      <c r="Q56" s="40"/>
      <c r="R56" s="40"/>
      <c r="S56" s="40"/>
    </row>
    <row r="57" spans="2:19" ht="13.5">
      <c r="B57" s="40"/>
      <c r="C57" s="40"/>
      <c r="D57" s="40"/>
      <c r="E57" s="40"/>
      <c r="F57" s="40"/>
      <c r="G57" s="40"/>
      <c r="H57" s="40"/>
      <c r="L57" s="40"/>
      <c r="M57" s="40"/>
      <c r="N57" s="40"/>
      <c r="O57" s="40"/>
      <c r="P57" s="40"/>
      <c r="Q57" s="40"/>
      <c r="R57" s="40"/>
      <c r="S57" s="40"/>
    </row>
    <row r="58" spans="2:19" ht="13.5">
      <c r="B58" s="40"/>
      <c r="C58" s="40"/>
      <c r="D58" s="40"/>
      <c r="E58" s="40"/>
      <c r="F58" s="40"/>
      <c r="G58" s="40"/>
      <c r="H58" s="40"/>
      <c r="L58" s="40"/>
      <c r="M58" s="40"/>
      <c r="N58" s="40"/>
      <c r="O58" s="40"/>
      <c r="P58" s="40"/>
      <c r="Q58" s="40"/>
      <c r="R58" s="40"/>
      <c r="S58" s="40"/>
    </row>
    <row r="59" spans="2:19" ht="13.5">
      <c r="B59" s="40"/>
      <c r="C59" s="40"/>
      <c r="D59" s="40"/>
      <c r="E59" s="40"/>
      <c r="F59" s="40"/>
      <c r="G59" s="40"/>
      <c r="H59" s="40"/>
      <c r="L59" s="40"/>
      <c r="M59" s="40"/>
      <c r="N59" s="40"/>
      <c r="O59" s="40"/>
      <c r="P59" s="40"/>
      <c r="Q59" s="40"/>
      <c r="R59" s="40"/>
      <c r="S59" s="40"/>
    </row>
    <row r="60" spans="2:19" ht="13.5">
      <c r="B60" s="40"/>
      <c r="C60" s="40"/>
      <c r="D60" s="40"/>
      <c r="E60" s="40"/>
      <c r="F60" s="40"/>
      <c r="G60" s="40"/>
      <c r="H60" s="40"/>
      <c r="L60" s="40"/>
      <c r="M60" s="40"/>
      <c r="N60" s="40"/>
      <c r="O60" s="40"/>
      <c r="P60" s="40"/>
      <c r="Q60" s="40"/>
      <c r="R60" s="40"/>
      <c r="S60" s="40"/>
    </row>
    <row r="61" spans="2:19" ht="13.5">
      <c r="B61" s="40"/>
      <c r="C61" s="40"/>
      <c r="D61" s="40"/>
      <c r="E61" s="40"/>
      <c r="F61" s="40"/>
      <c r="G61" s="40"/>
      <c r="H61" s="40"/>
      <c r="L61" s="40"/>
      <c r="M61" s="40"/>
      <c r="N61" s="40"/>
      <c r="O61" s="40"/>
      <c r="P61" s="40"/>
      <c r="Q61" s="40"/>
      <c r="R61" s="40"/>
      <c r="S61" s="40"/>
    </row>
    <row r="62" spans="2:19" ht="13.5">
      <c r="B62" s="40"/>
      <c r="C62" s="40"/>
      <c r="D62" s="40"/>
      <c r="E62" s="40"/>
      <c r="F62" s="40"/>
      <c r="G62" s="40"/>
      <c r="H62" s="40"/>
      <c r="L62" s="40"/>
      <c r="M62" s="40"/>
      <c r="N62" s="40"/>
      <c r="O62" s="40"/>
      <c r="P62" s="40"/>
      <c r="Q62" s="40"/>
      <c r="R62" s="40"/>
      <c r="S62" s="40"/>
    </row>
    <row r="63" spans="2:19" ht="13.5">
      <c r="B63" s="40"/>
      <c r="C63" s="40"/>
      <c r="D63" s="40"/>
      <c r="E63" s="40"/>
      <c r="F63" s="40"/>
      <c r="G63" s="40"/>
      <c r="H63" s="40"/>
      <c r="L63" s="40"/>
      <c r="M63" s="40"/>
      <c r="N63" s="40"/>
      <c r="O63" s="40"/>
      <c r="P63" s="40"/>
      <c r="Q63" s="40"/>
      <c r="R63" s="40"/>
      <c r="S63" s="40"/>
    </row>
    <row r="64" spans="2:19" ht="13.5">
      <c r="B64" s="40"/>
      <c r="C64" s="40"/>
      <c r="D64" s="40"/>
      <c r="E64" s="40"/>
      <c r="F64" s="40"/>
      <c r="G64" s="40"/>
      <c r="H64" s="40"/>
      <c r="L64" s="40"/>
      <c r="M64" s="40"/>
      <c r="N64" s="40"/>
      <c r="O64" s="40"/>
      <c r="P64" s="40"/>
      <c r="Q64" s="40"/>
      <c r="R64" s="40"/>
      <c r="S64" s="40"/>
    </row>
    <row r="65" spans="2:19" ht="13.5">
      <c r="B65" s="40"/>
      <c r="C65" s="40"/>
      <c r="D65" s="40"/>
      <c r="E65" s="40"/>
      <c r="F65" s="40"/>
      <c r="G65" s="40"/>
      <c r="H65" s="40"/>
      <c r="L65" s="40"/>
      <c r="M65" s="40"/>
      <c r="N65" s="40"/>
      <c r="O65" s="40"/>
      <c r="P65" s="40"/>
      <c r="Q65" s="40"/>
      <c r="R65" s="40"/>
      <c r="S65" s="40"/>
    </row>
    <row r="66" spans="2:19" ht="13.5">
      <c r="B66" s="40"/>
      <c r="C66" s="40"/>
      <c r="D66" s="40"/>
      <c r="E66" s="40"/>
      <c r="F66" s="40"/>
      <c r="G66" s="40"/>
      <c r="H66" s="40"/>
      <c r="L66" s="40"/>
      <c r="M66" s="40"/>
      <c r="N66" s="40"/>
      <c r="O66" s="40"/>
      <c r="P66" s="40"/>
      <c r="Q66" s="40"/>
      <c r="R66" s="40"/>
      <c r="S66" s="40"/>
    </row>
    <row r="67" spans="2:19" ht="13.5">
      <c r="B67" s="40"/>
      <c r="C67" s="40"/>
      <c r="D67" s="40"/>
      <c r="E67" s="40"/>
      <c r="F67" s="40"/>
      <c r="G67" s="40"/>
      <c r="H67" s="40"/>
      <c r="L67" s="40"/>
      <c r="M67" s="40"/>
      <c r="N67" s="40"/>
      <c r="O67" s="40"/>
      <c r="P67" s="40"/>
      <c r="Q67" s="40"/>
      <c r="R67" s="40"/>
      <c r="S67" s="40"/>
    </row>
    <row r="68" spans="2:19" ht="13.5">
      <c r="B68" s="40"/>
      <c r="C68" s="40"/>
      <c r="D68" s="40"/>
      <c r="E68" s="40"/>
      <c r="F68" s="40"/>
      <c r="G68" s="40"/>
      <c r="H68" s="40"/>
      <c r="L68" s="40"/>
      <c r="M68" s="40"/>
      <c r="N68" s="40"/>
      <c r="O68" s="40"/>
      <c r="P68" s="40"/>
      <c r="Q68" s="40"/>
      <c r="R68" s="40"/>
      <c r="S68" s="40"/>
    </row>
    <row r="69" spans="2:19" ht="13.5">
      <c r="B69" s="40"/>
      <c r="C69" s="40"/>
      <c r="D69" s="40"/>
      <c r="E69" s="40"/>
      <c r="F69" s="40"/>
      <c r="G69" s="40"/>
      <c r="H69" s="40"/>
      <c r="L69" s="40"/>
      <c r="M69" s="40"/>
      <c r="N69" s="40"/>
      <c r="O69" s="40"/>
      <c r="P69" s="40"/>
      <c r="Q69" s="40"/>
      <c r="R69" s="40"/>
      <c r="S69" s="40"/>
    </row>
    <row r="70" spans="2:19" ht="13.5">
      <c r="B70" s="40"/>
      <c r="C70" s="40"/>
      <c r="D70" s="40"/>
      <c r="E70" s="40"/>
      <c r="F70" s="40"/>
      <c r="G70" s="40"/>
      <c r="H70" s="40"/>
      <c r="L70" s="40"/>
      <c r="M70" s="40"/>
      <c r="N70" s="40"/>
      <c r="O70" s="40"/>
      <c r="P70" s="40"/>
      <c r="Q70" s="40"/>
      <c r="R70" s="40"/>
      <c r="S70" s="40"/>
    </row>
    <row r="71" spans="2:19" ht="13.5">
      <c r="B71" s="40"/>
      <c r="C71" s="40"/>
      <c r="D71" s="40"/>
      <c r="E71" s="40"/>
      <c r="F71" s="40"/>
      <c r="G71" s="40"/>
      <c r="H71" s="40"/>
      <c r="L71" s="40"/>
      <c r="M71" s="40"/>
      <c r="N71" s="40"/>
      <c r="O71" s="40"/>
      <c r="P71" s="40"/>
      <c r="Q71" s="40"/>
      <c r="R71" s="40"/>
      <c r="S71" s="40"/>
    </row>
    <row r="72" spans="2:19" ht="13.5">
      <c r="B72" s="40"/>
      <c r="C72" s="40"/>
      <c r="D72" s="40"/>
      <c r="E72" s="40"/>
      <c r="F72" s="40"/>
      <c r="G72" s="40"/>
      <c r="H72" s="40"/>
      <c r="L72" s="40"/>
      <c r="M72" s="40"/>
      <c r="N72" s="40"/>
      <c r="O72" s="40"/>
      <c r="P72" s="40"/>
      <c r="Q72" s="40"/>
      <c r="R72" s="40"/>
      <c r="S72" s="40"/>
    </row>
    <row r="73" spans="2:19" ht="13.5">
      <c r="B73" s="40"/>
      <c r="C73" s="40"/>
      <c r="D73" s="40"/>
      <c r="E73" s="40"/>
      <c r="F73" s="40"/>
      <c r="G73" s="40"/>
      <c r="H73" s="40"/>
      <c r="L73" s="40"/>
      <c r="M73" s="40"/>
      <c r="N73" s="40"/>
      <c r="O73" s="40"/>
      <c r="P73" s="40"/>
      <c r="Q73" s="40"/>
      <c r="R73" s="40"/>
      <c r="S73" s="40"/>
    </row>
    <row r="74" spans="2:19" ht="13.5">
      <c r="B74" s="40"/>
      <c r="C74" s="40"/>
      <c r="D74" s="40"/>
      <c r="E74" s="40"/>
      <c r="F74" s="40"/>
      <c r="G74" s="40"/>
      <c r="H74" s="40"/>
      <c r="L74" s="40"/>
      <c r="M74" s="40"/>
      <c r="N74" s="40"/>
      <c r="O74" s="40"/>
      <c r="P74" s="40"/>
      <c r="Q74" s="40"/>
      <c r="R74" s="40"/>
      <c r="S74" s="40"/>
    </row>
    <row r="75" spans="2:19" ht="13.5">
      <c r="B75" s="40"/>
      <c r="C75" s="40"/>
      <c r="D75" s="40"/>
      <c r="E75" s="40"/>
      <c r="F75" s="40"/>
      <c r="G75" s="40"/>
      <c r="H75" s="40"/>
      <c r="L75" s="40"/>
      <c r="M75" s="40"/>
      <c r="N75" s="40"/>
      <c r="O75" s="40"/>
      <c r="P75" s="40"/>
      <c r="Q75" s="40"/>
      <c r="R75" s="40"/>
      <c r="S75" s="40"/>
    </row>
    <row r="76" spans="2:19" ht="13.5">
      <c r="B76" s="40"/>
      <c r="C76" s="40"/>
      <c r="D76" s="40"/>
      <c r="E76" s="40"/>
      <c r="F76" s="40"/>
      <c r="G76" s="40"/>
      <c r="H76" s="40"/>
      <c r="L76" s="40"/>
      <c r="M76" s="40"/>
      <c r="N76" s="40"/>
      <c r="O76" s="40"/>
      <c r="P76" s="40"/>
      <c r="Q76" s="40"/>
      <c r="R76" s="40"/>
      <c r="S76" s="40"/>
    </row>
    <row r="77" spans="2:19" ht="13.5">
      <c r="B77" s="40"/>
      <c r="C77" s="40"/>
      <c r="D77" s="40"/>
      <c r="E77" s="40"/>
      <c r="F77" s="40"/>
      <c r="G77" s="40"/>
      <c r="H77" s="40"/>
      <c r="L77" s="40"/>
      <c r="M77" s="40"/>
      <c r="N77" s="40"/>
      <c r="O77" s="40"/>
      <c r="P77" s="40"/>
      <c r="Q77" s="40"/>
      <c r="R77" s="40"/>
      <c r="S77" s="40"/>
    </row>
    <row r="78" spans="2:19" ht="13.5">
      <c r="B78" s="40"/>
      <c r="C78" s="40"/>
      <c r="D78" s="40"/>
      <c r="E78" s="40"/>
      <c r="F78" s="40"/>
      <c r="G78" s="40"/>
      <c r="H78" s="40"/>
      <c r="L78" s="40"/>
      <c r="M78" s="40"/>
      <c r="N78" s="40"/>
      <c r="O78" s="40"/>
      <c r="P78" s="40"/>
      <c r="Q78" s="40"/>
      <c r="R78" s="40"/>
      <c r="S78" s="40"/>
    </row>
    <row r="79" spans="2:19" ht="13.5">
      <c r="B79" s="40"/>
      <c r="C79" s="40"/>
      <c r="D79" s="40"/>
      <c r="E79" s="40"/>
      <c r="F79" s="40"/>
      <c r="G79" s="40"/>
      <c r="H79" s="40"/>
      <c r="L79" s="40"/>
      <c r="M79" s="40"/>
      <c r="N79" s="40"/>
      <c r="O79" s="40"/>
      <c r="P79" s="40"/>
      <c r="Q79" s="40"/>
      <c r="R79" s="40"/>
      <c r="S79" s="40"/>
    </row>
    <row r="80" spans="2:19" ht="13.5">
      <c r="B80" s="40"/>
      <c r="C80" s="40"/>
      <c r="D80" s="40"/>
      <c r="E80" s="40"/>
      <c r="F80" s="40"/>
      <c r="G80" s="40"/>
      <c r="H80" s="40"/>
      <c r="L80" s="40"/>
      <c r="M80" s="40"/>
      <c r="N80" s="40"/>
      <c r="O80" s="40"/>
      <c r="P80" s="40"/>
      <c r="Q80" s="40"/>
      <c r="R80" s="40"/>
      <c r="S80" s="40"/>
    </row>
    <row r="81" spans="2:19" ht="13.5">
      <c r="B81" s="40"/>
      <c r="C81" s="40"/>
      <c r="D81" s="40"/>
      <c r="E81" s="40"/>
      <c r="F81" s="40"/>
      <c r="G81" s="40"/>
      <c r="H81" s="40"/>
      <c r="L81" s="40"/>
      <c r="M81" s="40"/>
      <c r="N81" s="40"/>
      <c r="O81" s="40"/>
      <c r="P81" s="40"/>
      <c r="Q81" s="40"/>
      <c r="R81" s="40"/>
      <c r="S81" s="40"/>
    </row>
    <row r="82" spans="2:19" ht="13.5">
      <c r="B82" s="40"/>
      <c r="C82" s="40"/>
      <c r="D82" s="40"/>
      <c r="E82" s="40"/>
      <c r="F82" s="40"/>
      <c r="G82" s="40"/>
      <c r="H82" s="40"/>
      <c r="L82" s="40"/>
      <c r="M82" s="40"/>
      <c r="N82" s="40"/>
      <c r="O82" s="40"/>
      <c r="P82" s="40"/>
      <c r="Q82" s="40"/>
      <c r="R82" s="40"/>
      <c r="S82" s="40"/>
    </row>
    <row r="83" spans="2:19" ht="13.5">
      <c r="B83" s="40"/>
      <c r="C83" s="40"/>
      <c r="D83" s="40"/>
      <c r="E83" s="40"/>
      <c r="F83" s="40"/>
      <c r="G83" s="40"/>
      <c r="H83" s="40"/>
      <c r="L83" s="40"/>
      <c r="M83" s="40"/>
      <c r="N83" s="40"/>
      <c r="O83" s="40"/>
      <c r="P83" s="40"/>
      <c r="Q83" s="40"/>
      <c r="R83" s="40"/>
      <c r="S83" s="40"/>
    </row>
    <row r="84" spans="2:19" ht="13.5">
      <c r="B84" s="40"/>
      <c r="C84" s="40"/>
      <c r="D84" s="40"/>
      <c r="E84" s="40"/>
      <c r="F84" s="40"/>
      <c r="G84" s="40"/>
      <c r="H84" s="40"/>
      <c r="L84" s="40"/>
      <c r="M84" s="40"/>
      <c r="N84" s="40"/>
      <c r="O84" s="40"/>
      <c r="P84" s="40"/>
      <c r="Q84" s="40"/>
      <c r="R84" s="40"/>
      <c r="S84" s="40"/>
    </row>
    <row r="85" spans="2:19" ht="13.5">
      <c r="B85" s="40"/>
      <c r="C85" s="40"/>
      <c r="D85" s="40"/>
      <c r="E85" s="40"/>
      <c r="F85" s="40"/>
      <c r="G85" s="40"/>
      <c r="H85" s="40"/>
      <c r="L85" s="40"/>
      <c r="M85" s="40"/>
      <c r="N85" s="40"/>
      <c r="O85" s="40"/>
      <c r="P85" s="40"/>
      <c r="Q85" s="40"/>
      <c r="R85" s="40"/>
      <c r="S85" s="40"/>
    </row>
    <row r="86" spans="2:19" ht="13.5">
      <c r="B86" s="40"/>
      <c r="C86" s="40"/>
      <c r="D86" s="40"/>
      <c r="E86" s="40"/>
      <c r="F86" s="40"/>
      <c r="G86" s="40"/>
      <c r="H86" s="40"/>
      <c r="L86" s="40"/>
      <c r="M86" s="40"/>
      <c r="N86" s="40"/>
      <c r="O86" s="40"/>
      <c r="P86" s="40"/>
      <c r="Q86" s="40"/>
      <c r="R86" s="40"/>
      <c r="S86" s="40"/>
    </row>
    <row r="87" spans="2:19" ht="13.5">
      <c r="B87" s="40"/>
      <c r="C87" s="40"/>
      <c r="D87" s="40"/>
      <c r="E87" s="40"/>
      <c r="F87" s="40"/>
      <c r="G87" s="40"/>
      <c r="H87" s="40"/>
      <c r="L87" s="40"/>
      <c r="M87" s="40"/>
      <c r="N87" s="40"/>
      <c r="O87" s="40"/>
      <c r="P87" s="40"/>
      <c r="Q87" s="40"/>
      <c r="R87" s="40"/>
      <c r="S87" s="40"/>
    </row>
    <row r="88" spans="2:19" ht="13.5">
      <c r="B88" s="40"/>
      <c r="C88" s="40"/>
      <c r="D88" s="40"/>
      <c r="E88" s="40"/>
      <c r="F88" s="40"/>
      <c r="G88" s="40"/>
      <c r="H88" s="40"/>
      <c r="L88" s="40"/>
      <c r="M88" s="40"/>
      <c r="N88" s="40"/>
      <c r="O88" s="40"/>
      <c r="P88" s="40"/>
      <c r="Q88" s="40"/>
      <c r="R88" s="40"/>
      <c r="S88" s="40"/>
    </row>
    <row r="89" spans="2:19" ht="13.5">
      <c r="B89" s="40"/>
      <c r="C89" s="40"/>
      <c r="D89" s="40"/>
      <c r="E89" s="40"/>
      <c r="F89" s="40"/>
      <c r="G89" s="40"/>
      <c r="H89" s="40"/>
      <c r="L89" s="40"/>
      <c r="M89" s="40"/>
      <c r="N89" s="40"/>
      <c r="O89" s="40"/>
      <c r="P89" s="40"/>
      <c r="Q89" s="40"/>
      <c r="R89" s="40"/>
      <c r="S89" s="40"/>
    </row>
    <row r="90" spans="2:19" ht="13.5">
      <c r="B90" s="40"/>
      <c r="C90" s="40"/>
      <c r="D90" s="40"/>
      <c r="E90" s="40"/>
      <c r="F90" s="40"/>
      <c r="G90" s="40"/>
      <c r="H90" s="40"/>
      <c r="L90" s="40"/>
      <c r="M90" s="40"/>
      <c r="N90" s="40"/>
      <c r="O90" s="40"/>
      <c r="P90" s="40"/>
      <c r="Q90" s="40"/>
      <c r="R90" s="40"/>
      <c r="S90" s="40"/>
    </row>
    <row r="91" spans="2:19" ht="13.5">
      <c r="B91" s="40"/>
      <c r="C91" s="40"/>
      <c r="D91" s="40"/>
      <c r="E91" s="40"/>
      <c r="F91" s="40"/>
      <c r="G91" s="40"/>
      <c r="H91" s="40"/>
      <c r="L91" s="40"/>
      <c r="M91" s="40"/>
      <c r="N91" s="40"/>
      <c r="O91" s="40"/>
      <c r="P91" s="40"/>
      <c r="Q91" s="40"/>
      <c r="R91" s="40"/>
      <c r="S91" s="40"/>
    </row>
    <row r="92" spans="2:19" ht="13.5">
      <c r="B92" s="40"/>
      <c r="C92" s="40"/>
      <c r="D92" s="40"/>
      <c r="E92" s="40"/>
      <c r="F92" s="40"/>
      <c r="G92" s="40"/>
      <c r="H92" s="40"/>
      <c r="L92" s="40"/>
      <c r="M92" s="40"/>
      <c r="N92" s="40"/>
      <c r="O92" s="40"/>
      <c r="P92" s="40"/>
      <c r="Q92" s="40"/>
      <c r="R92" s="40"/>
      <c r="S92" s="40"/>
    </row>
    <row r="93" spans="2:19" ht="13.5">
      <c r="B93" s="40"/>
      <c r="C93" s="40"/>
      <c r="D93" s="40"/>
      <c r="E93" s="40"/>
      <c r="F93" s="40"/>
      <c r="G93" s="40"/>
      <c r="H93" s="40"/>
      <c r="L93" s="40"/>
      <c r="M93" s="40"/>
      <c r="N93" s="40"/>
      <c r="O93" s="40"/>
      <c r="P93" s="40"/>
      <c r="Q93" s="40"/>
      <c r="R93" s="40"/>
      <c r="S93" s="40"/>
    </row>
    <row r="94" spans="2:19" ht="13.5">
      <c r="B94" s="40"/>
      <c r="C94" s="40"/>
      <c r="D94" s="40"/>
      <c r="E94" s="40"/>
      <c r="F94" s="40"/>
      <c r="G94" s="40"/>
      <c r="H94" s="40"/>
      <c r="L94" s="40"/>
      <c r="M94" s="40"/>
      <c r="N94" s="40"/>
      <c r="O94" s="40"/>
      <c r="P94" s="40"/>
      <c r="Q94" s="40"/>
      <c r="R94" s="40"/>
      <c r="S94" s="40"/>
    </row>
    <row r="95" spans="2:19" ht="13.5">
      <c r="B95" s="40"/>
      <c r="C95" s="40"/>
      <c r="D95" s="40"/>
      <c r="E95" s="40"/>
      <c r="F95" s="40"/>
      <c r="G95" s="40"/>
      <c r="H95" s="40"/>
      <c r="L95" s="40"/>
      <c r="M95" s="40"/>
      <c r="N95" s="40"/>
      <c r="O95" s="40"/>
      <c r="P95" s="40"/>
      <c r="Q95" s="40"/>
      <c r="R95" s="40"/>
      <c r="S95" s="40"/>
    </row>
    <row r="96" spans="2:19" ht="13.5">
      <c r="B96" s="40"/>
      <c r="C96" s="40"/>
      <c r="D96" s="40"/>
      <c r="E96" s="40"/>
      <c r="F96" s="40"/>
      <c r="G96" s="40"/>
      <c r="H96" s="40"/>
      <c r="L96" s="40"/>
      <c r="M96" s="40"/>
      <c r="N96" s="40"/>
      <c r="O96" s="40"/>
      <c r="P96" s="40"/>
      <c r="Q96" s="40"/>
      <c r="R96" s="40"/>
      <c r="S96" s="40"/>
    </row>
    <row r="97" spans="2:19" ht="13.5">
      <c r="B97" s="40"/>
      <c r="C97" s="40"/>
      <c r="D97" s="40"/>
      <c r="E97" s="40"/>
      <c r="F97" s="40"/>
      <c r="G97" s="40"/>
      <c r="H97" s="40"/>
      <c r="L97" s="40"/>
      <c r="M97" s="40"/>
      <c r="N97" s="40"/>
      <c r="O97" s="40"/>
      <c r="P97" s="40"/>
      <c r="Q97" s="40"/>
      <c r="R97" s="40"/>
      <c r="S97" s="40"/>
    </row>
    <row r="98" spans="2:19" ht="13.5">
      <c r="B98" s="40"/>
      <c r="C98" s="40"/>
      <c r="D98" s="40"/>
      <c r="E98" s="40"/>
      <c r="F98" s="40"/>
      <c r="G98" s="40"/>
      <c r="H98" s="40"/>
      <c r="L98" s="40"/>
      <c r="M98" s="40"/>
      <c r="N98" s="40"/>
      <c r="O98" s="40"/>
      <c r="P98" s="40"/>
      <c r="Q98" s="40"/>
      <c r="R98" s="40"/>
      <c r="S98" s="40"/>
    </row>
    <row r="99" spans="2:19" ht="13.5">
      <c r="B99" s="40"/>
      <c r="C99" s="40"/>
      <c r="D99" s="40"/>
      <c r="E99" s="40"/>
      <c r="F99" s="40"/>
      <c r="G99" s="40"/>
      <c r="H99" s="40"/>
      <c r="L99" s="40"/>
      <c r="M99" s="40"/>
      <c r="N99" s="40"/>
      <c r="O99" s="40"/>
      <c r="P99" s="40"/>
      <c r="Q99" s="40"/>
      <c r="R99" s="40"/>
      <c r="S99" s="40"/>
    </row>
    <row r="100" spans="2:19" ht="13.5">
      <c r="B100" s="40"/>
      <c r="C100" s="40"/>
      <c r="D100" s="40"/>
      <c r="E100" s="40"/>
      <c r="F100" s="40"/>
      <c r="G100" s="40"/>
      <c r="H100" s="40"/>
      <c r="L100" s="40"/>
      <c r="M100" s="40"/>
      <c r="N100" s="40"/>
      <c r="O100" s="40"/>
      <c r="P100" s="40"/>
      <c r="Q100" s="40"/>
      <c r="R100" s="40"/>
      <c r="S100" s="40"/>
    </row>
    <row r="101" spans="2:19" ht="13.5">
      <c r="B101" s="40"/>
      <c r="C101" s="40"/>
      <c r="D101" s="40"/>
      <c r="E101" s="40"/>
      <c r="F101" s="40"/>
      <c r="G101" s="40"/>
      <c r="H101" s="40"/>
      <c r="L101" s="40"/>
      <c r="M101" s="40"/>
      <c r="N101" s="40"/>
      <c r="O101" s="40"/>
      <c r="P101" s="40"/>
      <c r="Q101" s="40"/>
      <c r="R101" s="40"/>
      <c r="S101" s="40"/>
    </row>
    <row r="102" spans="2:19" ht="13.5">
      <c r="B102" s="40"/>
      <c r="C102" s="40"/>
      <c r="D102" s="40"/>
      <c r="E102" s="40"/>
      <c r="F102" s="40"/>
      <c r="G102" s="40"/>
      <c r="H102" s="40"/>
      <c r="L102" s="40"/>
      <c r="M102" s="40"/>
      <c r="N102" s="40"/>
      <c r="O102" s="40"/>
      <c r="P102" s="40"/>
      <c r="Q102" s="40"/>
      <c r="R102" s="40"/>
      <c r="S102" s="40"/>
    </row>
    <row r="103" spans="2:19" ht="13.5">
      <c r="B103" s="40"/>
      <c r="C103" s="40"/>
      <c r="D103" s="40"/>
      <c r="E103" s="40"/>
      <c r="F103" s="40"/>
      <c r="G103" s="40"/>
      <c r="H103" s="40"/>
      <c r="L103" s="40"/>
      <c r="M103" s="40"/>
      <c r="N103" s="40"/>
      <c r="O103" s="40"/>
      <c r="P103" s="40"/>
      <c r="Q103" s="40"/>
      <c r="R103" s="40"/>
      <c r="S103" s="40"/>
    </row>
    <row r="104" spans="2:19" ht="13.5">
      <c r="B104" s="40"/>
      <c r="C104" s="40"/>
      <c r="D104" s="40"/>
      <c r="E104" s="40"/>
      <c r="F104" s="40"/>
      <c r="G104" s="40"/>
      <c r="H104" s="40"/>
      <c r="L104" s="40"/>
      <c r="M104" s="40"/>
      <c r="N104" s="40"/>
      <c r="O104" s="40"/>
      <c r="P104" s="40"/>
      <c r="Q104" s="40"/>
      <c r="R104" s="40"/>
      <c r="S104" s="40"/>
    </row>
    <row r="105" spans="2:19" ht="13.5">
      <c r="B105" s="40"/>
      <c r="C105" s="40"/>
      <c r="D105" s="40"/>
      <c r="E105" s="40"/>
      <c r="F105" s="40"/>
      <c r="G105" s="40"/>
      <c r="H105" s="40"/>
      <c r="L105" s="40"/>
      <c r="M105" s="40"/>
      <c r="N105" s="40"/>
      <c r="O105" s="40"/>
      <c r="P105" s="40"/>
      <c r="Q105" s="40"/>
      <c r="R105" s="40"/>
      <c r="S105" s="40"/>
    </row>
    <row r="106" spans="2:19" ht="13.5">
      <c r="B106" s="40"/>
      <c r="C106" s="40"/>
      <c r="D106" s="40"/>
      <c r="E106" s="40"/>
      <c r="F106" s="40"/>
      <c r="G106" s="40"/>
      <c r="H106" s="40"/>
      <c r="L106" s="40"/>
      <c r="M106" s="40"/>
      <c r="N106" s="40"/>
      <c r="O106" s="40"/>
      <c r="P106" s="40"/>
      <c r="Q106" s="40"/>
      <c r="R106" s="40"/>
      <c r="S106" s="40"/>
    </row>
    <row r="107" spans="2:19" ht="13.5">
      <c r="B107" s="40"/>
      <c r="C107" s="40"/>
      <c r="D107" s="40"/>
      <c r="E107" s="40"/>
      <c r="F107" s="40"/>
      <c r="G107" s="40"/>
      <c r="H107" s="40"/>
      <c r="L107" s="40"/>
      <c r="M107" s="40"/>
      <c r="N107" s="40"/>
      <c r="O107" s="40"/>
      <c r="P107" s="40"/>
      <c r="Q107" s="40"/>
      <c r="R107" s="40"/>
      <c r="S107" s="40"/>
    </row>
    <row r="108" spans="2:19" ht="13.5">
      <c r="B108" s="40"/>
      <c r="C108" s="40"/>
      <c r="D108" s="40"/>
      <c r="E108" s="40"/>
      <c r="F108" s="40"/>
      <c r="G108" s="40"/>
      <c r="H108" s="40"/>
      <c r="L108" s="40"/>
      <c r="M108" s="40"/>
      <c r="N108" s="40"/>
      <c r="O108" s="40"/>
      <c r="P108" s="40"/>
      <c r="Q108" s="40"/>
      <c r="R108" s="40"/>
      <c r="S108" s="40"/>
    </row>
    <row r="109" spans="2:19" ht="13.5">
      <c r="B109" s="40"/>
      <c r="C109" s="40"/>
      <c r="D109" s="40"/>
      <c r="E109" s="40"/>
      <c r="F109" s="40"/>
      <c r="G109" s="40"/>
      <c r="H109" s="40"/>
      <c r="L109" s="40"/>
      <c r="M109" s="40"/>
      <c r="N109" s="40"/>
      <c r="O109" s="40"/>
      <c r="P109" s="40"/>
      <c r="Q109" s="40"/>
      <c r="R109" s="40"/>
      <c r="S109" s="40"/>
    </row>
    <row r="110" spans="2:19" ht="13.5">
      <c r="B110" s="40"/>
      <c r="C110" s="40"/>
      <c r="D110" s="40"/>
      <c r="E110" s="40"/>
      <c r="F110" s="40"/>
      <c r="G110" s="40"/>
      <c r="H110" s="40"/>
      <c r="L110" s="40"/>
      <c r="M110" s="40"/>
      <c r="N110" s="40"/>
      <c r="O110" s="40"/>
      <c r="P110" s="40"/>
      <c r="Q110" s="40"/>
      <c r="R110" s="40"/>
      <c r="S110" s="40"/>
    </row>
    <row r="111" spans="2:19" ht="13.5">
      <c r="B111" s="40"/>
      <c r="C111" s="40"/>
      <c r="D111" s="40"/>
      <c r="E111" s="40"/>
      <c r="F111" s="40"/>
      <c r="G111" s="40"/>
      <c r="H111" s="40"/>
      <c r="L111" s="40"/>
      <c r="M111" s="40"/>
      <c r="N111" s="40"/>
      <c r="O111" s="40"/>
      <c r="P111" s="40"/>
      <c r="Q111" s="40"/>
      <c r="R111" s="40"/>
      <c r="S111" s="40"/>
    </row>
    <row r="112" spans="2:19" ht="13.5">
      <c r="B112" s="40"/>
      <c r="C112" s="40"/>
      <c r="D112" s="40"/>
      <c r="E112" s="40"/>
      <c r="F112" s="40"/>
      <c r="G112" s="40"/>
      <c r="H112" s="40"/>
      <c r="L112" s="40"/>
      <c r="M112" s="40"/>
      <c r="N112" s="40"/>
      <c r="O112" s="40"/>
      <c r="P112" s="40"/>
      <c r="Q112" s="40"/>
      <c r="R112" s="40"/>
      <c r="S112" s="40"/>
    </row>
    <row r="113" spans="2:19" ht="13.5">
      <c r="B113" s="40"/>
      <c r="C113" s="40"/>
      <c r="D113" s="40"/>
      <c r="E113" s="40"/>
      <c r="F113" s="40"/>
      <c r="G113" s="40"/>
      <c r="H113" s="40"/>
      <c r="L113" s="40"/>
      <c r="M113" s="40"/>
      <c r="N113" s="40"/>
      <c r="O113" s="40"/>
      <c r="P113" s="40"/>
      <c r="Q113" s="40"/>
      <c r="R113" s="40"/>
      <c r="S113" s="40"/>
    </row>
    <row r="114" spans="2:19" ht="13.5">
      <c r="B114" s="40"/>
      <c r="C114" s="40"/>
      <c r="D114" s="40"/>
      <c r="E114" s="40"/>
      <c r="F114" s="40"/>
      <c r="G114" s="40"/>
      <c r="H114" s="40"/>
      <c r="L114" s="40"/>
      <c r="M114" s="40"/>
      <c r="N114" s="40"/>
      <c r="O114" s="40"/>
      <c r="P114" s="40"/>
      <c r="Q114" s="40"/>
      <c r="R114" s="40"/>
      <c r="S114" s="40"/>
    </row>
    <row r="115" spans="2:19" ht="13.5">
      <c r="B115" s="40"/>
      <c r="C115" s="40"/>
      <c r="D115" s="40"/>
      <c r="E115" s="40"/>
      <c r="F115" s="40"/>
      <c r="G115" s="40"/>
      <c r="H115" s="40"/>
      <c r="L115" s="40"/>
      <c r="M115" s="40"/>
      <c r="N115" s="40"/>
      <c r="O115" s="40"/>
      <c r="P115" s="40"/>
      <c r="Q115" s="40"/>
      <c r="R115" s="40"/>
      <c r="S115" s="40"/>
    </row>
    <row r="116" spans="2:19" ht="13.5">
      <c r="B116" s="40"/>
      <c r="C116" s="40"/>
      <c r="D116" s="40"/>
      <c r="E116" s="40"/>
      <c r="F116" s="40"/>
      <c r="G116" s="40"/>
      <c r="H116" s="40"/>
      <c r="L116" s="40"/>
      <c r="M116" s="40"/>
      <c r="N116" s="40"/>
      <c r="O116" s="40"/>
      <c r="P116" s="40"/>
      <c r="Q116" s="40"/>
      <c r="R116" s="40"/>
      <c r="S116" s="40"/>
    </row>
    <row r="117" spans="2:19" ht="13.5">
      <c r="B117" s="40"/>
      <c r="C117" s="40"/>
      <c r="D117" s="40"/>
      <c r="E117" s="40"/>
      <c r="F117" s="40"/>
      <c r="G117" s="40"/>
      <c r="H117" s="40"/>
      <c r="L117" s="40"/>
      <c r="M117" s="40"/>
      <c r="N117" s="40"/>
      <c r="O117" s="40"/>
      <c r="P117" s="40"/>
      <c r="Q117" s="40"/>
      <c r="R117" s="40"/>
      <c r="S117" s="40"/>
    </row>
    <row r="118" spans="2:19" ht="13.5">
      <c r="B118" s="40"/>
      <c r="C118" s="40"/>
      <c r="D118" s="40"/>
      <c r="E118" s="40"/>
      <c r="F118" s="40"/>
      <c r="G118" s="40"/>
      <c r="H118" s="40"/>
      <c r="L118" s="40"/>
      <c r="M118" s="40"/>
      <c r="N118" s="40"/>
      <c r="O118" s="40"/>
      <c r="P118" s="40"/>
      <c r="Q118" s="40"/>
      <c r="R118" s="40"/>
      <c r="S118" s="40"/>
    </row>
    <row r="119" spans="2:19" ht="13.5">
      <c r="B119" s="40"/>
      <c r="C119" s="40"/>
      <c r="D119" s="40"/>
      <c r="E119" s="40"/>
      <c r="F119" s="40"/>
      <c r="G119" s="40"/>
      <c r="H119" s="40"/>
      <c r="L119" s="40"/>
      <c r="M119" s="40"/>
      <c r="N119" s="40"/>
      <c r="O119" s="40"/>
      <c r="P119" s="40"/>
      <c r="Q119" s="40"/>
      <c r="R119" s="40"/>
      <c r="S119" s="40"/>
    </row>
    <row r="120" spans="2:19" ht="13.5">
      <c r="B120" s="40"/>
      <c r="C120" s="40"/>
      <c r="D120" s="40"/>
      <c r="E120" s="40"/>
      <c r="F120" s="40"/>
      <c r="G120" s="40"/>
      <c r="H120" s="40"/>
      <c r="L120" s="40"/>
      <c r="M120" s="40"/>
      <c r="N120" s="40"/>
      <c r="O120" s="40"/>
      <c r="P120" s="40"/>
      <c r="Q120" s="40"/>
      <c r="R120" s="40"/>
      <c r="S120" s="40"/>
    </row>
    <row r="121" spans="2:19" ht="13.5">
      <c r="B121" s="40"/>
      <c r="C121" s="40"/>
      <c r="D121" s="40"/>
      <c r="E121" s="40"/>
      <c r="F121" s="40"/>
      <c r="G121" s="40"/>
      <c r="H121" s="40"/>
      <c r="L121" s="40"/>
      <c r="M121" s="40"/>
      <c r="N121" s="40"/>
      <c r="O121" s="40"/>
      <c r="P121" s="40"/>
      <c r="Q121" s="40"/>
      <c r="R121" s="40"/>
      <c r="S121" s="40"/>
    </row>
    <row r="122" spans="2:19" ht="13.5">
      <c r="B122" s="40"/>
      <c r="C122" s="40"/>
      <c r="D122" s="40"/>
      <c r="E122" s="40"/>
      <c r="F122" s="40"/>
      <c r="G122" s="40"/>
      <c r="H122" s="40"/>
      <c r="L122" s="40"/>
      <c r="M122" s="40"/>
      <c r="N122" s="40"/>
      <c r="O122" s="40"/>
      <c r="P122" s="40"/>
      <c r="Q122" s="40"/>
      <c r="R122" s="40"/>
      <c r="S122" s="40"/>
    </row>
    <row r="123" spans="2:19" ht="13.5">
      <c r="B123" s="40"/>
      <c r="C123" s="40"/>
      <c r="D123" s="40"/>
      <c r="E123" s="40"/>
      <c r="F123" s="40"/>
      <c r="G123" s="40"/>
      <c r="H123" s="40"/>
      <c r="L123" s="40"/>
      <c r="M123" s="40"/>
      <c r="N123" s="40"/>
      <c r="O123" s="40"/>
      <c r="P123" s="40"/>
      <c r="Q123" s="40"/>
      <c r="R123" s="40"/>
      <c r="S123" s="40"/>
    </row>
    <row r="124" spans="2:19" ht="13.5">
      <c r="B124" s="40"/>
      <c r="C124" s="40"/>
      <c r="D124" s="40"/>
      <c r="E124" s="40"/>
      <c r="F124" s="40"/>
      <c r="G124" s="40"/>
      <c r="H124" s="40"/>
      <c r="L124" s="40"/>
      <c r="M124" s="40"/>
      <c r="N124" s="40"/>
      <c r="O124" s="40"/>
      <c r="P124" s="40"/>
      <c r="Q124" s="40"/>
      <c r="R124" s="40"/>
      <c r="S124" s="40"/>
    </row>
    <row r="125" spans="2:19" ht="13.5">
      <c r="B125" s="40"/>
      <c r="C125" s="40"/>
      <c r="D125" s="40"/>
      <c r="E125" s="40"/>
      <c r="F125" s="40"/>
      <c r="G125" s="40"/>
      <c r="H125" s="40"/>
      <c r="L125" s="40"/>
      <c r="M125" s="40"/>
      <c r="N125" s="40"/>
      <c r="O125" s="40"/>
      <c r="P125" s="40"/>
      <c r="Q125" s="40"/>
      <c r="R125" s="40"/>
      <c r="S125" s="40"/>
    </row>
    <row r="126" spans="2:19" ht="13.5">
      <c r="B126" s="40"/>
      <c r="C126" s="40"/>
      <c r="D126" s="40"/>
      <c r="E126" s="40"/>
      <c r="F126" s="40"/>
      <c r="G126" s="40"/>
      <c r="H126" s="40"/>
      <c r="L126" s="40"/>
      <c r="M126" s="40"/>
      <c r="N126" s="40"/>
      <c r="O126" s="40"/>
      <c r="P126" s="40"/>
      <c r="Q126" s="40"/>
      <c r="R126" s="40"/>
      <c r="S126" s="40"/>
    </row>
    <row r="127" spans="2:19" ht="13.5">
      <c r="B127" s="40"/>
      <c r="C127" s="40"/>
      <c r="D127" s="40"/>
      <c r="E127" s="40"/>
      <c r="F127" s="40"/>
      <c r="G127" s="40"/>
      <c r="H127" s="40"/>
      <c r="L127" s="40"/>
      <c r="M127" s="40"/>
      <c r="N127" s="40"/>
      <c r="O127" s="40"/>
      <c r="P127" s="40"/>
      <c r="Q127" s="40"/>
      <c r="R127" s="40"/>
      <c r="S127" s="40"/>
    </row>
    <row r="128" spans="2:19" ht="13.5">
      <c r="B128" s="40"/>
      <c r="C128" s="40"/>
      <c r="D128" s="40"/>
      <c r="E128" s="40"/>
      <c r="F128" s="40"/>
      <c r="G128" s="40"/>
      <c r="H128" s="40"/>
      <c r="L128" s="40"/>
      <c r="M128" s="40"/>
      <c r="N128" s="40"/>
      <c r="O128" s="40"/>
      <c r="P128" s="40"/>
      <c r="Q128" s="40"/>
      <c r="R128" s="40"/>
      <c r="S128" s="40"/>
    </row>
    <row r="129" spans="2:19" ht="13.5">
      <c r="B129" s="40"/>
      <c r="C129" s="40"/>
      <c r="D129" s="40"/>
      <c r="E129" s="40"/>
      <c r="F129" s="40"/>
      <c r="G129" s="40"/>
      <c r="H129" s="40"/>
      <c r="L129" s="40"/>
      <c r="M129" s="40"/>
      <c r="N129" s="40"/>
      <c r="O129" s="40"/>
      <c r="P129" s="40"/>
      <c r="Q129" s="40"/>
      <c r="R129" s="40"/>
      <c r="S129" s="40"/>
    </row>
    <row r="130" spans="2:19" ht="13.5">
      <c r="B130" s="40"/>
      <c r="C130" s="40"/>
      <c r="D130" s="40"/>
      <c r="E130" s="40"/>
      <c r="F130" s="40"/>
      <c r="G130" s="40"/>
      <c r="H130" s="40"/>
      <c r="L130" s="40"/>
      <c r="M130" s="40"/>
      <c r="N130" s="40"/>
      <c r="O130" s="40"/>
      <c r="P130" s="40"/>
      <c r="Q130" s="40"/>
      <c r="R130" s="40"/>
      <c r="S130" s="40"/>
    </row>
    <row r="131" spans="2:19" ht="13.5">
      <c r="B131" s="40"/>
      <c r="C131" s="40"/>
      <c r="D131" s="40"/>
      <c r="E131" s="40"/>
      <c r="F131" s="40"/>
      <c r="G131" s="40"/>
      <c r="H131" s="40"/>
      <c r="L131" s="40"/>
      <c r="M131" s="40"/>
      <c r="N131" s="40"/>
      <c r="O131" s="40"/>
      <c r="P131" s="40"/>
      <c r="Q131" s="40"/>
      <c r="R131" s="40"/>
      <c r="S131" s="40"/>
    </row>
    <row r="132" spans="2:19" ht="13.5">
      <c r="B132" s="40"/>
      <c r="C132" s="40"/>
      <c r="D132" s="40"/>
      <c r="E132" s="40"/>
      <c r="F132" s="40"/>
      <c r="G132" s="40"/>
      <c r="H132" s="40"/>
      <c r="L132" s="40"/>
      <c r="M132" s="40"/>
      <c r="N132" s="40"/>
      <c r="O132" s="40"/>
      <c r="P132" s="40"/>
      <c r="Q132" s="40"/>
      <c r="R132" s="40"/>
      <c r="S132" s="40"/>
    </row>
    <row r="133" spans="2:19" ht="13.5">
      <c r="B133" s="40"/>
      <c r="C133" s="40"/>
      <c r="D133" s="40"/>
      <c r="E133" s="40"/>
      <c r="F133" s="40"/>
      <c r="G133" s="40"/>
      <c r="H133" s="40"/>
      <c r="L133" s="40"/>
      <c r="M133" s="40"/>
      <c r="N133" s="40"/>
      <c r="O133" s="40"/>
      <c r="P133" s="40"/>
      <c r="Q133" s="40"/>
      <c r="R133" s="40"/>
      <c r="S133" s="40"/>
    </row>
    <row r="134" spans="2:19" ht="13.5">
      <c r="B134" s="40"/>
      <c r="C134" s="40"/>
      <c r="D134" s="40"/>
      <c r="E134" s="40"/>
      <c r="F134" s="40"/>
      <c r="G134" s="40"/>
      <c r="H134" s="40"/>
      <c r="L134" s="40"/>
      <c r="M134" s="40"/>
      <c r="N134" s="40"/>
      <c r="O134" s="40"/>
      <c r="P134" s="40"/>
      <c r="Q134" s="40"/>
      <c r="R134" s="40"/>
      <c r="S134" s="40"/>
    </row>
    <row r="135" spans="2:19" ht="13.5">
      <c r="B135" s="40"/>
      <c r="C135" s="40"/>
      <c r="D135" s="40"/>
      <c r="E135" s="40"/>
      <c r="F135" s="40"/>
      <c r="G135" s="40"/>
      <c r="H135" s="40"/>
      <c r="L135" s="40"/>
      <c r="M135" s="40"/>
      <c r="N135" s="40"/>
      <c r="O135" s="40"/>
      <c r="P135" s="40"/>
      <c r="Q135" s="40"/>
      <c r="R135" s="40"/>
      <c r="S135" s="40"/>
    </row>
    <row r="136" spans="2:19" ht="13.5">
      <c r="B136" s="40"/>
      <c r="C136" s="40"/>
      <c r="D136" s="40"/>
      <c r="E136" s="40"/>
      <c r="F136" s="40"/>
      <c r="G136" s="40"/>
      <c r="H136" s="40"/>
      <c r="L136" s="40"/>
      <c r="M136" s="40"/>
      <c r="N136" s="40"/>
      <c r="O136" s="40"/>
      <c r="P136" s="40"/>
      <c r="Q136" s="40"/>
      <c r="R136" s="40"/>
      <c r="S136" s="40"/>
    </row>
    <row r="137" spans="2:19" ht="13.5">
      <c r="B137" s="40"/>
      <c r="C137" s="40"/>
      <c r="D137" s="40"/>
      <c r="E137" s="40"/>
      <c r="F137" s="40"/>
      <c r="G137" s="40"/>
      <c r="H137" s="40"/>
      <c r="L137" s="40"/>
      <c r="M137" s="40"/>
      <c r="N137" s="40"/>
      <c r="O137" s="40"/>
      <c r="P137" s="40"/>
      <c r="Q137" s="40"/>
      <c r="R137" s="40"/>
      <c r="S137" s="40"/>
    </row>
    <row r="138" spans="2:19" ht="13.5">
      <c r="B138" s="40"/>
      <c r="C138" s="40"/>
      <c r="D138" s="40"/>
      <c r="E138" s="40"/>
      <c r="F138" s="40"/>
      <c r="G138" s="40"/>
      <c r="H138" s="40"/>
      <c r="L138" s="40"/>
      <c r="M138" s="40"/>
      <c r="N138" s="40"/>
      <c r="O138" s="40"/>
      <c r="P138" s="40"/>
      <c r="Q138" s="40"/>
      <c r="R138" s="40"/>
      <c r="S138" s="40"/>
    </row>
    <row r="139" spans="2:19" ht="13.5">
      <c r="B139" s="40"/>
      <c r="C139" s="40"/>
      <c r="D139" s="40"/>
      <c r="E139" s="40"/>
      <c r="F139" s="40"/>
      <c r="G139" s="40"/>
      <c r="H139" s="40"/>
      <c r="L139" s="40"/>
      <c r="M139" s="40"/>
      <c r="N139" s="40"/>
      <c r="O139" s="40"/>
      <c r="P139" s="40"/>
      <c r="Q139" s="40"/>
      <c r="R139" s="40"/>
      <c r="S139" s="40"/>
    </row>
    <row r="140" spans="2:19" ht="13.5">
      <c r="B140" s="40"/>
      <c r="C140" s="40"/>
      <c r="D140" s="40"/>
      <c r="E140" s="40"/>
      <c r="F140" s="40"/>
      <c r="G140" s="40"/>
      <c r="H140" s="40"/>
      <c r="L140" s="40"/>
      <c r="M140" s="40"/>
      <c r="N140" s="40"/>
      <c r="O140" s="40"/>
      <c r="P140" s="40"/>
      <c r="Q140" s="40"/>
      <c r="R140" s="40"/>
      <c r="S140" s="40"/>
    </row>
    <row r="141" spans="2:19" ht="13.5">
      <c r="B141" s="40"/>
      <c r="C141" s="40"/>
      <c r="D141" s="40"/>
      <c r="E141" s="40"/>
      <c r="F141" s="40"/>
      <c r="G141" s="40"/>
      <c r="H141" s="40"/>
      <c r="L141" s="40"/>
      <c r="M141" s="40"/>
      <c r="N141" s="40"/>
      <c r="O141" s="40"/>
      <c r="P141" s="40"/>
      <c r="Q141" s="40"/>
      <c r="R141" s="40"/>
      <c r="S141" s="40"/>
    </row>
    <row r="142" spans="2:19" ht="13.5">
      <c r="B142" s="40"/>
      <c r="C142" s="40"/>
      <c r="D142" s="40"/>
      <c r="E142" s="40"/>
      <c r="F142" s="40"/>
      <c r="G142" s="40"/>
      <c r="H142" s="40"/>
      <c r="L142" s="40"/>
      <c r="M142" s="40"/>
      <c r="N142" s="40"/>
      <c r="O142" s="40"/>
      <c r="P142" s="40"/>
      <c r="Q142" s="40"/>
      <c r="R142" s="40"/>
      <c r="S142" s="40"/>
    </row>
    <row r="143" spans="2:19" ht="13.5">
      <c r="B143" s="40"/>
      <c r="C143" s="40"/>
      <c r="D143" s="40"/>
      <c r="E143" s="40"/>
      <c r="F143" s="40"/>
      <c r="G143" s="40"/>
      <c r="H143" s="40"/>
      <c r="L143" s="40"/>
      <c r="M143" s="40"/>
      <c r="N143" s="40"/>
      <c r="O143" s="40"/>
      <c r="P143" s="40"/>
      <c r="Q143" s="40"/>
      <c r="R143" s="40"/>
      <c r="S143" s="40"/>
    </row>
    <row r="144" spans="2:19" ht="13.5">
      <c r="B144" s="40"/>
      <c r="C144" s="40"/>
      <c r="D144" s="40"/>
      <c r="E144" s="40"/>
      <c r="F144" s="40"/>
      <c r="G144" s="40"/>
      <c r="H144" s="40"/>
      <c r="L144" s="40"/>
      <c r="M144" s="40"/>
      <c r="N144" s="40"/>
      <c r="O144" s="40"/>
      <c r="P144" s="40"/>
      <c r="Q144" s="40"/>
      <c r="R144" s="40"/>
      <c r="S144" s="40"/>
    </row>
    <row r="145" spans="2:19" ht="13.5">
      <c r="B145" s="40"/>
      <c r="C145" s="40"/>
      <c r="D145" s="40"/>
      <c r="E145" s="40"/>
      <c r="F145" s="40"/>
      <c r="G145" s="40"/>
      <c r="H145" s="40"/>
      <c r="L145" s="40"/>
      <c r="M145" s="40"/>
      <c r="N145" s="40"/>
      <c r="O145" s="40"/>
      <c r="P145" s="40"/>
      <c r="Q145" s="40"/>
      <c r="R145" s="40"/>
      <c r="S145" s="40"/>
    </row>
    <row r="146" spans="2:19" ht="13.5">
      <c r="B146" s="40"/>
      <c r="C146" s="40"/>
      <c r="D146" s="40"/>
      <c r="E146" s="40"/>
      <c r="F146" s="40"/>
      <c r="G146" s="40"/>
      <c r="H146" s="40"/>
      <c r="L146" s="40"/>
      <c r="M146" s="40"/>
      <c r="N146" s="40"/>
      <c r="O146" s="40"/>
      <c r="P146" s="40"/>
      <c r="Q146" s="40"/>
      <c r="R146" s="40"/>
      <c r="S146" s="40"/>
    </row>
    <row r="147" spans="2:19" ht="13.5">
      <c r="B147" s="40"/>
      <c r="C147" s="40"/>
      <c r="D147" s="40"/>
      <c r="E147" s="40"/>
      <c r="F147" s="40"/>
      <c r="G147" s="40"/>
      <c r="H147" s="40"/>
      <c r="L147" s="40"/>
      <c r="M147" s="40"/>
      <c r="N147" s="40"/>
      <c r="O147" s="40"/>
      <c r="P147" s="40"/>
      <c r="Q147" s="40"/>
      <c r="R147" s="40"/>
      <c r="S147" s="40"/>
    </row>
    <row r="148" spans="2:19" ht="13.5">
      <c r="B148" s="40"/>
      <c r="C148" s="40"/>
      <c r="D148" s="40"/>
      <c r="E148" s="40"/>
      <c r="F148" s="40"/>
      <c r="G148" s="40"/>
      <c r="H148" s="40"/>
      <c r="L148" s="40"/>
      <c r="M148" s="40"/>
      <c r="N148" s="40"/>
      <c r="O148" s="40"/>
      <c r="P148" s="40"/>
      <c r="Q148" s="40"/>
      <c r="R148" s="40"/>
      <c r="S148" s="40"/>
    </row>
    <row r="149" spans="2:19" ht="13.5">
      <c r="B149" s="40"/>
      <c r="C149" s="40"/>
      <c r="D149" s="40"/>
      <c r="E149" s="40"/>
      <c r="F149" s="40"/>
      <c r="G149" s="40"/>
      <c r="H149" s="40"/>
      <c r="L149" s="40"/>
      <c r="M149" s="40"/>
      <c r="N149" s="40"/>
      <c r="O149" s="40"/>
      <c r="P149" s="40"/>
      <c r="Q149" s="40"/>
      <c r="R149" s="40"/>
      <c r="S149" s="40"/>
    </row>
    <row r="150" spans="2:19" ht="13.5">
      <c r="B150" s="40"/>
      <c r="C150" s="40"/>
      <c r="D150" s="40"/>
      <c r="E150" s="40"/>
      <c r="F150" s="40"/>
      <c r="G150" s="40"/>
      <c r="H150" s="40"/>
      <c r="L150" s="40"/>
      <c r="M150" s="40"/>
      <c r="N150" s="40"/>
      <c r="O150" s="40"/>
      <c r="P150" s="40"/>
      <c r="Q150" s="40"/>
      <c r="R150" s="40"/>
      <c r="S150" s="40"/>
    </row>
    <row r="151" spans="2:19" ht="13.5">
      <c r="B151" s="40"/>
      <c r="C151" s="40"/>
      <c r="D151" s="40"/>
      <c r="E151" s="40"/>
      <c r="F151" s="40"/>
      <c r="G151" s="40"/>
      <c r="H151" s="40"/>
      <c r="L151" s="40"/>
      <c r="M151" s="40"/>
      <c r="N151" s="40"/>
      <c r="O151" s="40"/>
      <c r="P151" s="40"/>
      <c r="Q151" s="40"/>
      <c r="R151" s="40"/>
      <c r="S151" s="40"/>
    </row>
    <row r="152" spans="2:19" ht="13.5">
      <c r="B152" s="40"/>
      <c r="C152" s="40"/>
      <c r="D152" s="40"/>
      <c r="E152" s="40"/>
      <c r="F152" s="40"/>
      <c r="G152" s="40"/>
      <c r="H152" s="40"/>
      <c r="L152" s="40"/>
      <c r="M152" s="40"/>
      <c r="N152" s="40"/>
      <c r="O152" s="40"/>
      <c r="P152" s="40"/>
      <c r="Q152" s="40"/>
      <c r="R152" s="40"/>
      <c r="S152" s="40"/>
    </row>
    <row r="153" spans="2:19" ht="13.5">
      <c r="B153" s="40"/>
      <c r="C153" s="40"/>
      <c r="D153" s="40"/>
      <c r="E153" s="40"/>
      <c r="F153" s="40"/>
      <c r="G153" s="40"/>
      <c r="H153" s="40"/>
      <c r="L153" s="40"/>
      <c r="M153" s="40"/>
      <c r="N153" s="40"/>
      <c r="O153" s="40"/>
      <c r="P153" s="40"/>
      <c r="Q153" s="40"/>
      <c r="R153" s="40"/>
      <c r="S153" s="40"/>
    </row>
    <row r="154" spans="2:19" ht="13.5">
      <c r="B154" s="40"/>
      <c r="C154" s="40"/>
      <c r="D154" s="40"/>
      <c r="E154" s="40"/>
      <c r="F154" s="40"/>
      <c r="G154" s="40"/>
      <c r="H154" s="40"/>
      <c r="L154" s="40"/>
      <c r="M154" s="40"/>
      <c r="N154" s="40"/>
      <c r="O154" s="40"/>
      <c r="P154" s="40"/>
      <c r="Q154" s="40"/>
      <c r="R154" s="40"/>
      <c r="S154" s="40"/>
    </row>
    <row r="155" spans="2:19" ht="13.5">
      <c r="B155" s="40"/>
      <c r="C155" s="40"/>
      <c r="D155" s="40"/>
      <c r="E155" s="40"/>
      <c r="F155" s="40"/>
      <c r="G155" s="40"/>
      <c r="H155" s="40"/>
      <c r="L155" s="40"/>
      <c r="M155" s="40"/>
      <c r="N155" s="40"/>
      <c r="O155" s="40"/>
      <c r="P155" s="40"/>
      <c r="Q155" s="40"/>
      <c r="R155" s="40"/>
      <c r="S155" s="40"/>
    </row>
    <row r="156" spans="2:19" ht="13.5">
      <c r="B156" s="40"/>
      <c r="C156" s="40"/>
      <c r="D156" s="40"/>
      <c r="E156" s="40"/>
      <c r="F156" s="40"/>
      <c r="G156" s="40"/>
      <c r="H156" s="40"/>
      <c r="L156" s="40"/>
      <c r="M156" s="40"/>
      <c r="N156" s="40"/>
      <c r="O156" s="40"/>
      <c r="P156" s="40"/>
      <c r="Q156" s="40"/>
      <c r="R156" s="40"/>
      <c r="S156" s="40"/>
    </row>
    <row r="157" spans="2:19" ht="13.5">
      <c r="B157" s="40"/>
      <c r="C157" s="40"/>
      <c r="D157" s="40"/>
      <c r="E157" s="40"/>
      <c r="F157" s="40"/>
      <c r="G157" s="40"/>
      <c r="H157" s="40"/>
      <c r="L157" s="40"/>
      <c r="M157" s="40"/>
      <c r="N157" s="40"/>
      <c r="O157" s="40"/>
      <c r="P157" s="40"/>
      <c r="Q157" s="40"/>
      <c r="R157" s="40"/>
      <c r="S157" s="40"/>
    </row>
    <row r="158" spans="2:19" ht="13.5">
      <c r="B158" s="40"/>
      <c r="C158" s="40"/>
      <c r="D158" s="40"/>
      <c r="E158" s="40"/>
      <c r="F158" s="40"/>
      <c r="G158" s="40"/>
      <c r="H158" s="40"/>
      <c r="L158" s="40"/>
      <c r="M158" s="40"/>
      <c r="N158" s="40"/>
      <c r="O158" s="40"/>
      <c r="P158" s="40"/>
      <c r="Q158" s="40"/>
      <c r="R158" s="40"/>
      <c r="S158" s="40"/>
    </row>
    <row r="159" spans="2:19" ht="13.5">
      <c r="B159" s="40"/>
      <c r="C159" s="40"/>
      <c r="D159" s="40"/>
      <c r="E159" s="40"/>
      <c r="F159" s="40"/>
      <c r="G159" s="40"/>
      <c r="H159" s="40"/>
      <c r="L159" s="40"/>
      <c r="M159" s="40"/>
      <c r="N159" s="40"/>
      <c r="O159" s="40"/>
      <c r="P159" s="40"/>
      <c r="Q159" s="40"/>
      <c r="R159" s="40"/>
      <c r="S159" s="40"/>
    </row>
    <row r="160" spans="2:19" ht="13.5">
      <c r="B160" s="40"/>
      <c r="C160" s="40"/>
      <c r="D160" s="40"/>
      <c r="E160" s="40"/>
      <c r="F160" s="40"/>
      <c r="G160" s="40"/>
      <c r="H160" s="40"/>
      <c r="L160" s="40"/>
      <c r="M160" s="40"/>
      <c r="N160" s="40"/>
      <c r="O160" s="40"/>
      <c r="P160" s="40"/>
      <c r="Q160" s="40"/>
      <c r="R160" s="40"/>
      <c r="S160" s="40"/>
    </row>
    <row r="161" spans="2:19" ht="13.5">
      <c r="B161" s="40"/>
      <c r="C161" s="40"/>
      <c r="D161" s="40"/>
      <c r="E161" s="40"/>
      <c r="F161" s="40"/>
      <c r="G161" s="40"/>
      <c r="H161" s="40"/>
      <c r="L161" s="40"/>
      <c r="M161" s="40"/>
      <c r="N161" s="40"/>
      <c r="O161" s="40"/>
      <c r="P161" s="40"/>
      <c r="Q161" s="40"/>
      <c r="R161" s="40"/>
      <c r="S161" s="40"/>
    </row>
    <row r="162" spans="2:19" ht="13.5">
      <c r="B162" s="40"/>
      <c r="C162" s="40"/>
      <c r="D162" s="40"/>
      <c r="E162" s="40"/>
      <c r="F162" s="40"/>
      <c r="G162" s="40"/>
      <c r="H162" s="40"/>
      <c r="L162" s="40"/>
      <c r="M162" s="40"/>
      <c r="N162" s="40"/>
      <c r="O162" s="40"/>
      <c r="P162" s="40"/>
      <c r="Q162" s="40"/>
      <c r="R162" s="40"/>
      <c r="S162" s="40"/>
    </row>
    <row r="163" spans="2:19" ht="13.5">
      <c r="B163" s="40"/>
      <c r="C163" s="40"/>
      <c r="D163" s="40"/>
      <c r="E163" s="40"/>
      <c r="F163" s="40"/>
      <c r="G163" s="40"/>
      <c r="H163" s="40"/>
      <c r="L163" s="40"/>
      <c r="M163" s="40"/>
      <c r="N163" s="40"/>
      <c r="O163" s="40"/>
      <c r="P163" s="40"/>
      <c r="Q163" s="40"/>
      <c r="R163" s="40"/>
      <c r="S163" s="40"/>
    </row>
    <row r="164" spans="2:19" ht="13.5">
      <c r="B164" s="40"/>
      <c r="C164" s="40"/>
      <c r="D164" s="40"/>
      <c r="E164" s="40"/>
      <c r="F164" s="40"/>
      <c r="G164" s="40"/>
      <c r="H164" s="40"/>
      <c r="L164" s="40"/>
      <c r="M164" s="40"/>
      <c r="N164" s="40"/>
      <c r="O164" s="40"/>
      <c r="P164" s="40"/>
      <c r="Q164" s="40"/>
      <c r="R164" s="40"/>
      <c r="S164" s="40"/>
    </row>
    <row r="165" spans="2:19" ht="13.5">
      <c r="B165" s="40"/>
      <c r="C165" s="40"/>
      <c r="D165" s="40"/>
      <c r="E165" s="40"/>
      <c r="F165" s="40"/>
      <c r="G165" s="40"/>
      <c r="H165" s="40"/>
      <c r="L165" s="40"/>
      <c r="M165" s="40"/>
      <c r="N165" s="40"/>
      <c r="O165" s="40"/>
      <c r="P165" s="40"/>
      <c r="Q165" s="40"/>
      <c r="R165" s="40"/>
      <c r="S165" s="40"/>
    </row>
    <row r="166" spans="2:19" ht="13.5">
      <c r="B166" s="40"/>
      <c r="C166" s="40"/>
      <c r="D166" s="40"/>
      <c r="E166" s="40"/>
      <c r="F166" s="40"/>
      <c r="G166" s="40"/>
      <c r="H166" s="40"/>
      <c r="L166" s="40"/>
      <c r="M166" s="40"/>
      <c r="N166" s="40"/>
      <c r="O166" s="40"/>
      <c r="P166" s="40"/>
      <c r="Q166" s="40"/>
      <c r="R166" s="40"/>
      <c r="S166" s="40"/>
    </row>
    <row r="167" spans="2:19" ht="13.5">
      <c r="B167" s="40"/>
      <c r="C167" s="40"/>
      <c r="D167" s="40"/>
      <c r="E167" s="40"/>
      <c r="F167" s="40"/>
      <c r="G167" s="40"/>
      <c r="H167" s="40"/>
      <c r="L167" s="40"/>
      <c r="M167" s="40"/>
      <c r="N167" s="40"/>
      <c r="O167" s="40"/>
      <c r="P167" s="40"/>
      <c r="Q167" s="40"/>
      <c r="R167" s="40"/>
      <c r="S167" s="40"/>
    </row>
    <row r="168" spans="2:19" ht="13.5">
      <c r="B168" s="40"/>
      <c r="C168" s="40"/>
      <c r="D168" s="40"/>
      <c r="E168" s="40"/>
      <c r="F168" s="40"/>
      <c r="G168" s="40"/>
      <c r="H168" s="40"/>
      <c r="L168" s="40"/>
      <c r="M168" s="40"/>
      <c r="N168" s="40"/>
      <c r="O168" s="40"/>
      <c r="P168" s="40"/>
      <c r="Q168" s="40"/>
      <c r="R168" s="40"/>
      <c r="S168" s="40"/>
    </row>
    <row r="169" spans="2:19" ht="13.5">
      <c r="B169" s="40"/>
      <c r="C169" s="40"/>
      <c r="D169" s="40"/>
      <c r="E169" s="40"/>
      <c r="F169" s="40"/>
      <c r="G169" s="40"/>
      <c r="H169" s="40"/>
      <c r="L169" s="40"/>
      <c r="M169" s="40"/>
      <c r="N169" s="40"/>
      <c r="O169" s="40"/>
      <c r="P169" s="40"/>
      <c r="Q169" s="40"/>
      <c r="R169" s="40"/>
      <c r="S169" s="40"/>
    </row>
    <row r="170" spans="2:19" ht="13.5">
      <c r="B170" s="40"/>
      <c r="C170" s="40"/>
      <c r="D170" s="40"/>
      <c r="E170" s="40"/>
      <c r="F170" s="40"/>
      <c r="G170" s="40"/>
      <c r="H170" s="40"/>
      <c r="L170" s="40"/>
      <c r="M170" s="40"/>
      <c r="N170" s="40"/>
      <c r="O170" s="40"/>
      <c r="P170" s="40"/>
      <c r="Q170" s="40"/>
      <c r="R170" s="40"/>
      <c r="S170" s="40"/>
    </row>
    <row r="171" spans="2:19" ht="13.5">
      <c r="B171" s="40"/>
      <c r="C171" s="40"/>
      <c r="D171" s="40"/>
      <c r="E171" s="40"/>
      <c r="F171" s="40"/>
      <c r="G171" s="40"/>
      <c r="H171" s="40"/>
      <c r="L171" s="40"/>
      <c r="M171" s="40"/>
      <c r="N171" s="40"/>
      <c r="O171" s="40"/>
      <c r="P171" s="40"/>
      <c r="Q171" s="40"/>
      <c r="R171" s="40"/>
      <c r="S171" s="40"/>
    </row>
    <row r="172" spans="2:19" ht="13.5">
      <c r="B172" s="40"/>
      <c r="C172" s="40"/>
      <c r="D172" s="40"/>
      <c r="E172" s="40"/>
      <c r="F172" s="40"/>
      <c r="G172" s="40"/>
      <c r="H172" s="40"/>
      <c r="L172" s="40"/>
      <c r="M172" s="40"/>
      <c r="N172" s="40"/>
      <c r="O172" s="40"/>
      <c r="P172" s="40"/>
      <c r="Q172" s="40"/>
      <c r="R172" s="40"/>
      <c r="S172" s="40"/>
    </row>
    <row r="173" spans="2:19" ht="13.5">
      <c r="B173" s="40"/>
      <c r="C173" s="40"/>
      <c r="D173" s="40"/>
      <c r="E173" s="40"/>
      <c r="F173" s="40"/>
      <c r="G173" s="40"/>
      <c r="H173" s="40"/>
      <c r="L173" s="40"/>
      <c r="M173" s="40"/>
      <c r="N173" s="40"/>
      <c r="O173" s="40"/>
      <c r="P173" s="40"/>
      <c r="Q173" s="40"/>
      <c r="R173" s="40"/>
      <c r="S173" s="40"/>
    </row>
    <row r="174" spans="2:19" ht="13.5">
      <c r="B174" s="40"/>
      <c r="C174" s="40"/>
      <c r="D174" s="40"/>
      <c r="E174" s="40"/>
      <c r="F174" s="40"/>
      <c r="G174" s="40"/>
      <c r="H174" s="40"/>
      <c r="L174" s="40"/>
      <c r="M174" s="40"/>
      <c r="N174" s="40"/>
      <c r="O174" s="40"/>
      <c r="P174" s="40"/>
      <c r="Q174" s="40"/>
      <c r="R174" s="40"/>
      <c r="S174" s="40"/>
    </row>
    <row r="175" spans="2:19" ht="13.5">
      <c r="B175" s="40"/>
      <c r="C175" s="40"/>
      <c r="D175" s="40"/>
      <c r="E175" s="40"/>
      <c r="F175" s="40"/>
      <c r="G175" s="40"/>
      <c r="H175" s="40"/>
      <c r="L175" s="40"/>
      <c r="M175" s="40"/>
      <c r="N175" s="40"/>
      <c r="O175" s="40"/>
      <c r="P175" s="40"/>
      <c r="Q175" s="40"/>
      <c r="R175" s="40"/>
      <c r="S175" s="40"/>
    </row>
    <row r="176" spans="2:19" ht="13.5">
      <c r="B176" s="40"/>
      <c r="C176" s="40"/>
      <c r="D176" s="40"/>
      <c r="E176" s="40"/>
      <c r="F176" s="40"/>
      <c r="G176" s="40"/>
      <c r="H176" s="40"/>
      <c r="L176" s="40"/>
      <c r="M176" s="40"/>
      <c r="N176" s="40"/>
      <c r="O176" s="40"/>
      <c r="P176" s="40"/>
      <c r="Q176" s="40"/>
      <c r="R176" s="40"/>
      <c r="S176" s="40"/>
    </row>
    <row r="177" spans="2:19" ht="13.5">
      <c r="B177" s="40"/>
      <c r="C177" s="40"/>
      <c r="D177" s="40"/>
      <c r="E177" s="40"/>
      <c r="F177" s="40"/>
      <c r="G177" s="40"/>
      <c r="H177" s="40"/>
      <c r="L177" s="40"/>
      <c r="M177" s="40"/>
      <c r="N177" s="40"/>
      <c r="O177" s="40"/>
      <c r="P177" s="40"/>
      <c r="Q177" s="40"/>
      <c r="R177" s="40"/>
      <c r="S177" s="40"/>
    </row>
    <row r="178" spans="2:19" ht="13.5">
      <c r="B178" s="40"/>
      <c r="C178" s="40"/>
      <c r="D178" s="40"/>
      <c r="E178" s="40"/>
      <c r="F178" s="40"/>
      <c r="G178" s="40"/>
      <c r="H178" s="40"/>
      <c r="L178" s="40"/>
      <c r="M178" s="40"/>
      <c r="N178" s="40"/>
      <c r="O178" s="40"/>
      <c r="P178" s="40"/>
      <c r="Q178" s="40"/>
      <c r="R178" s="40"/>
      <c r="S178" s="40"/>
    </row>
    <row r="179" spans="2:19" ht="13.5">
      <c r="B179" s="40"/>
      <c r="C179" s="40"/>
      <c r="D179" s="40"/>
      <c r="E179" s="40"/>
      <c r="F179" s="40"/>
      <c r="G179" s="40"/>
      <c r="H179" s="40"/>
      <c r="L179" s="40"/>
      <c r="M179" s="40"/>
      <c r="N179" s="40"/>
      <c r="O179" s="40"/>
      <c r="P179" s="40"/>
      <c r="Q179" s="40"/>
      <c r="R179" s="40"/>
      <c r="S179" s="40"/>
    </row>
    <row r="180" spans="2:19" ht="13.5">
      <c r="B180" s="40"/>
      <c r="C180" s="40"/>
      <c r="D180" s="40"/>
      <c r="E180" s="40"/>
      <c r="F180" s="40"/>
      <c r="G180" s="40"/>
      <c r="H180" s="40"/>
      <c r="L180" s="40"/>
      <c r="M180" s="40"/>
      <c r="N180" s="40"/>
      <c r="O180" s="40"/>
      <c r="P180" s="40"/>
      <c r="Q180" s="40"/>
      <c r="R180" s="40"/>
      <c r="S180" s="40"/>
    </row>
    <row r="181" spans="2:19" ht="13.5">
      <c r="B181" s="40"/>
      <c r="C181" s="40"/>
      <c r="D181" s="40"/>
      <c r="E181" s="40"/>
      <c r="F181" s="40"/>
      <c r="G181" s="40"/>
      <c r="H181" s="40"/>
      <c r="L181" s="40"/>
      <c r="M181" s="40"/>
      <c r="N181" s="40"/>
      <c r="O181" s="40"/>
      <c r="P181" s="40"/>
      <c r="Q181" s="40"/>
      <c r="R181" s="40"/>
      <c r="S181" s="40"/>
    </row>
    <row r="182" spans="2:19" ht="13.5">
      <c r="B182" s="40"/>
      <c r="C182" s="40"/>
      <c r="D182" s="40"/>
      <c r="E182" s="40"/>
      <c r="F182" s="40"/>
      <c r="G182" s="40"/>
      <c r="H182" s="40"/>
      <c r="L182" s="40"/>
      <c r="M182" s="40"/>
      <c r="N182" s="40"/>
      <c r="O182" s="40"/>
      <c r="P182" s="40"/>
      <c r="Q182" s="40"/>
      <c r="R182" s="40"/>
      <c r="S182" s="40"/>
    </row>
    <row r="183" spans="2:19" ht="13.5">
      <c r="B183" s="40"/>
      <c r="C183" s="40"/>
      <c r="D183" s="40"/>
      <c r="E183" s="40"/>
      <c r="F183" s="40"/>
      <c r="G183" s="40"/>
      <c r="H183" s="40"/>
      <c r="L183" s="40"/>
      <c r="M183" s="40"/>
      <c r="N183" s="40"/>
      <c r="O183" s="40"/>
      <c r="P183" s="40"/>
      <c r="Q183" s="40"/>
      <c r="R183" s="40"/>
      <c r="S183" s="40"/>
    </row>
    <row r="184" spans="2:19" ht="13.5">
      <c r="B184" s="40"/>
      <c r="C184" s="40"/>
      <c r="D184" s="40"/>
      <c r="E184" s="40"/>
      <c r="F184" s="40"/>
      <c r="G184" s="40"/>
      <c r="H184" s="40"/>
      <c r="L184" s="40"/>
      <c r="M184" s="40"/>
      <c r="N184" s="40"/>
      <c r="O184" s="40"/>
      <c r="P184" s="40"/>
      <c r="Q184" s="40"/>
      <c r="R184" s="40"/>
      <c r="S184" s="40"/>
    </row>
    <row r="185" spans="2:19" ht="13.5">
      <c r="B185" s="40"/>
      <c r="C185" s="40"/>
      <c r="D185" s="40"/>
      <c r="E185" s="40"/>
      <c r="F185" s="40"/>
      <c r="G185" s="40"/>
      <c r="H185" s="40"/>
      <c r="L185" s="40"/>
      <c r="M185" s="40"/>
      <c r="N185" s="40"/>
      <c r="O185" s="40"/>
      <c r="P185" s="40"/>
      <c r="Q185" s="40"/>
      <c r="R185" s="40"/>
      <c r="S185" s="40"/>
    </row>
    <row r="186" spans="2:19" ht="13.5">
      <c r="B186" s="40"/>
      <c r="C186" s="40"/>
      <c r="D186" s="40"/>
      <c r="E186" s="40"/>
      <c r="F186" s="40"/>
      <c r="G186" s="40"/>
      <c r="H186" s="40"/>
      <c r="L186" s="40"/>
      <c r="M186" s="40"/>
      <c r="N186" s="40"/>
      <c r="O186" s="40"/>
      <c r="P186" s="40"/>
      <c r="Q186" s="40"/>
      <c r="R186" s="40"/>
      <c r="S186" s="40"/>
    </row>
    <row r="187" spans="2:19" ht="13.5">
      <c r="B187" s="40"/>
      <c r="C187" s="40"/>
      <c r="D187" s="40"/>
      <c r="E187" s="40"/>
      <c r="F187" s="40"/>
      <c r="G187" s="40"/>
      <c r="H187" s="40"/>
      <c r="L187" s="40"/>
      <c r="M187" s="40"/>
      <c r="N187" s="40"/>
      <c r="O187" s="40"/>
      <c r="P187" s="40"/>
      <c r="Q187" s="40"/>
      <c r="R187" s="40"/>
      <c r="S187" s="40"/>
    </row>
    <row r="188" spans="2:19" ht="13.5">
      <c r="B188" s="40"/>
      <c r="C188" s="40"/>
      <c r="D188" s="40"/>
      <c r="E188" s="40"/>
      <c r="F188" s="40"/>
      <c r="G188" s="40"/>
      <c r="H188" s="40"/>
      <c r="L188" s="40"/>
      <c r="M188" s="40"/>
      <c r="N188" s="40"/>
      <c r="O188" s="40"/>
      <c r="P188" s="40"/>
      <c r="Q188" s="40"/>
      <c r="R188" s="40"/>
      <c r="S188" s="40"/>
    </row>
    <row r="189" spans="2:19" ht="13.5">
      <c r="B189" s="40"/>
      <c r="C189" s="40"/>
      <c r="D189" s="40"/>
      <c r="E189" s="40"/>
      <c r="F189" s="40"/>
      <c r="G189" s="40"/>
      <c r="H189" s="40"/>
      <c r="L189" s="40"/>
      <c r="M189" s="40"/>
      <c r="N189" s="40"/>
      <c r="O189" s="40"/>
      <c r="P189" s="40"/>
      <c r="Q189" s="40"/>
      <c r="R189" s="40"/>
      <c r="S189" s="40"/>
    </row>
    <row r="190" spans="2:19" ht="13.5">
      <c r="B190" s="40"/>
      <c r="C190" s="40"/>
      <c r="D190" s="40"/>
      <c r="E190" s="40"/>
      <c r="F190" s="40"/>
      <c r="G190" s="40"/>
      <c r="H190" s="40"/>
      <c r="L190" s="40"/>
      <c r="M190" s="40"/>
      <c r="N190" s="40"/>
      <c r="O190" s="40"/>
      <c r="P190" s="40"/>
      <c r="Q190" s="40"/>
      <c r="R190" s="40"/>
      <c r="S190" s="40"/>
    </row>
    <row r="191" spans="2:19" ht="13.5">
      <c r="B191" s="40"/>
      <c r="C191" s="40"/>
      <c r="D191" s="40"/>
      <c r="E191" s="40"/>
      <c r="F191" s="40"/>
      <c r="G191" s="40"/>
      <c r="H191" s="40"/>
      <c r="L191" s="40"/>
      <c r="M191" s="40"/>
      <c r="N191" s="40"/>
      <c r="O191" s="40"/>
      <c r="P191" s="40"/>
      <c r="Q191" s="40"/>
      <c r="R191" s="40"/>
      <c r="S191" s="40"/>
    </row>
    <row r="192" spans="2:19" ht="13.5">
      <c r="B192" s="40"/>
      <c r="C192" s="40"/>
      <c r="D192" s="40"/>
      <c r="E192" s="40"/>
      <c r="F192" s="40"/>
      <c r="G192" s="40"/>
      <c r="H192" s="40"/>
      <c r="L192" s="40"/>
      <c r="M192" s="40"/>
      <c r="N192" s="40"/>
      <c r="O192" s="40"/>
      <c r="P192" s="40"/>
      <c r="Q192" s="40"/>
      <c r="R192" s="40"/>
      <c r="S192" s="40"/>
    </row>
    <row r="193" spans="2:19" ht="13.5">
      <c r="B193" s="40"/>
      <c r="C193" s="40"/>
      <c r="D193" s="40"/>
      <c r="E193" s="40"/>
      <c r="F193" s="40"/>
      <c r="G193" s="40"/>
      <c r="H193" s="40"/>
      <c r="L193" s="40"/>
      <c r="M193" s="40"/>
      <c r="N193" s="40"/>
      <c r="O193" s="40"/>
      <c r="P193" s="40"/>
      <c r="Q193" s="40"/>
      <c r="R193" s="40"/>
      <c r="S193" s="40"/>
    </row>
    <row r="194" spans="2:19" ht="13.5">
      <c r="B194" s="40"/>
      <c r="C194" s="40"/>
      <c r="D194" s="40"/>
      <c r="E194" s="40"/>
      <c r="F194" s="40"/>
      <c r="G194" s="40"/>
      <c r="H194" s="40"/>
      <c r="L194" s="40"/>
      <c r="M194" s="40"/>
      <c r="N194" s="40"/>
      <c r="O194" s="40"/>
      <c r="P194" s="40"/>
      <c r="Q194" s="40"/>
      <c r="R194" s="40"/>
      <c r="S194" s="40"/>
    </row>
    <row r="195" spans="2:19" ht="13.5">
      <c r="B195" s="40"/>
      <c r="C195" s="40"/>
      <c r="D195" s="40"/>
      <c r="E195" s="40"/>
      <c r="F195" s="40"/>
      <c r="G195" s="40"/>
      <c r="H195" s="40"/>
      <c r="L195" s="40"/>
      <c r="M195" s="40"/>
      <c r="N195" s="40"/>
      <c r="O195" s="40"/>
      <c r="P195" s="40"/>
      <c r="Q195" s="40"/>
      <c r="R195" s="40"/>
      <c r="S195" s="40"/>
    </row>
    <row r="196" spans="2:19" ht="13.5">
      <c r="B196" s="40"/>
      <c r="C196" s="40"/>
      <c r="D196" s="40"/>
      <c r="E196" s="40"/>
      <c r="F196" s="40"/>
      <c r="G196" s="40"/>
      <c r="H196" s="40"/>
      <c r="L196" s="40"/>
      <c r="M196" s="40"/>
      <c r="N196" s="40"/>
      <c r="O196" s="40"/>
      <c r="P196" s="40"/>
      <c r="Q196" s="40"/>
      <c r="R196" s="40"/>
      <c r="S196" s="40"/>
    </row>
    <row r="197" spans="2:19" ht="13.5">
      <c r="B197" s="40"/>
      <c r="C197" s="40"/>
      <c r="D197" s="40"/>
      <c r="E197" s="40"/>
      <c r="F197" s="40"/>
      <c r="G197" s="40"/>
      <c r="H197" s="40"/>
      <c r="L197" s="40"/>
      <c r="M197" s="40"/>
      <c r="N197" s="40"/>
      <c r="O197" s="40"/>
      <c r="P197" s="40"/>
      <c r="Q197" s="40"/>
      <c r="R197" s="40"/>
      <c r="S197" s="40"/>
    </row>
    <row r="198" spans="2:19" ht="13.5">
      <c r="B198" s="40"/>
      <c r="C198" s="40"/>
      <c r="D198" s="40"/>
      <c r="E198" s="40"/>
      <c r="F198" s="40"/>
      <c r="G198" s="40"/>
      <c r="H198" s="40"/>
      <c r="L198" s="40"/>
      <c r="M198" s="40"/>
      <c r="N198" s="40"/>
      <c r="O198" s="40"/>
      <c r="P198" s="40"/>
      <c r="Q198" s="40"/>
      <c r="R198" s="40"/>
      <c r="S198" s="40"/>
    </row>
    <row r="199" spans="2:19" ht="13.5">
      <c r="B199" s="40"/>
      <c r="C199" s="40"/>
      <c r="D199" s="40"/>
      <c r="E199" s="40"/>
      <c r="F199" s="40"/>
      <c r="G199" s="40"/>
      <c r="H199" s="40"/>
      <c r="L199" s="40"/>
      <c r="M199" s="40"/>
      <c r="N199" s="40"/>
      <c r="O199" s="40"/>
      <c r="P199" s="40"/>
      <c r="Q199" s="40"/>
      <c r="R199" s="40"/>
      <c r="S199" s="40"/>
    </row>
    <row r="200" spans="2:19" ht="13.5">
      <c r="B200" s="40"/>
      <c r="C200" s="40"/>
      <c r="D200" s="40"/>
      <c r="E200" s="40"/>
      <c r="F200" s="40"/>
      <c r="G200" s="40"/>
      <c r="H200" s="40"/>
      <c r="L200" s="40"/>
      <c r="M200" s="40"/>
      <c r="N200" s="40"/>
      <c r="O200" s="40"/>
      <c r="P200" s="40"/>
      <c r="Q200" s="40"/>
      <c r="R200" s="40"/>
      <c r="S200" s="40"/>
    </row>
    <row r="201" spans="2:19" ht="13.5">
      <c r="B201" s="40"/>
      <c r="C201" s="40"/>
      <c r="D201" s="40"/>
      <c r="E201" s="40"/>
      <c r="F201" s="40"/>
      <c r="G201" s="40"/>
      <c r="H201" s="40"/>
      <c r="L201" s="40"/>
      <c r="M201" s="40"/>
      <c r="N201" s="40"/>
      <c r="O201" s="40"/>
      <c r="P201" s="40"/>
      <c r="Q201" s="40"/>
      <c r="R201" s="40"/>
      <c r="S201" s="40"/>
    </row>
    <row r="202" spans="2:19" ht="13.5">
      <c r="B202" s="40"/>
      <c r="C202" s="40"/>
      <c r="D202" s="40"/>
      <c r="E202" s="40"/>
      <c r="F202" s="40"/>
      <c r="G202" s="40"/>
      <c r="H202" s="40"/>
      <c r="L202" s="40"/>
      <c r="M202" s="40"/>
      <c r="N202" s="40"/>
      <c r="O202" s="40"/>
      <c r="P202" s="40"/>
      <c r="Q202" s="40"/>
      <c r="R202" s="40"/>
      <c r="S202" s="40"/>
    </row>
    <row r="203" spans="2:19" ht="13.5">
      <c r="B203" s="40"/>
      <c r="C203" s="40"/>
      <c r="D203" s="40"/>
      <c r="E203" s="40"/>
      <c r="F203" s="40"/>
      <c r="G203" s="40"/>
      <c r="H203" s="40"/>
      <c r="L203" s="40"/>
      <c r="M203" s="40"/>
      <c r="N203" s="40"/>
      <c r="O203" s="40"/>
      <c r="P203" s="40"/>
      <c r="Q203" s="40"/>
      <c r="R203" s="40"/>
      <c r="S203" s="40"/>
    </row>
    <row r="204" spans="2:19" ht="13.5">
      <c r="B204" s="40"/>
      <c r="C204" s="40"/>
      <c r="D204" s="40"/>
      <c r="E204" s="40"/>
      <c r="F204" s="40"/>
      <c r="G204" s="40"/>
      <c r="H204" s="40"/>
      <c r="L204" s="40"/>
      <c r="M204" s="40"/>
      <c r="N204" s="40"/>
      <c r="O204" s="40"/>
      <c r="P204" s="40"/>
      <c r="Q204" s="40"/>
      <c r="R204" s="40"/>
      <c r="S204" s="40"/>
    </row>
    <row r="205" spans="2:19" ht="13.5">
      <c r="B205" s="40"/>
      <c r="C205" s="40"/>
      <c r="D205" s="40"/>
      <c r="E205" s="40"/>
      <c r="F205" s="40"/>
      <c r="G205" s="40"/>
      <c r="H205" s="40"/>
      <c r="L205" s="40"/>
      <c r="M205" s="40"/>
      <c r="N205" s="40"/>
      <c r="O205" s="40"/>
      <c r="P205" s="40"/>
      <c r="Q205" s="40"/>
      <c r="R205" s="40"/>
      <c r="S205" s="40"/>
    </row>
    <row r="206" spans="2:19" ht="13.5">
      <c r="B206" s="40"/>
      <c r="C206" s="40"/>
      <c r="D206" s="40"/>
      <c r="E206" s="40"/>
      <c r="F206" s="40"/>
      <c r="G206" s="40"/>
      <c r="H206" s="40"/>
      <c r="L206" s="40"/>
      <c r="M206" s="40"/>
      <c r="N206" s="40"/>
      <c r="O206" s="40"/>
      <c r="P206" s="40"/>
      <c r="Q206" s="40"/>
      <c r="R206" s="40"/>
      <c r="S206" s="40"/>
    </row>
    <row r="207" spans="2:19" ht="13.5">
      <c r="B207" s="40"/>
      <c r="C207" s="40"/>
      <c r="D207" s="40"/>
      <c r="E207" s="40"/>
      <c r="F207" s="40"/>
      <c r="G207" s="40"/>
      <c r="H207" s="40"/>
      <c r="L207" s="40"/>
      <c r="M207" s="40"/>
      <c r="N207" s="40"/>
      <c r="O207" s="40"/>
      <c r="P207" s="40"/>
      <c r="Q207" s="40"/>
      <c r="R207" s="40"/>
      <c r="S207" s="40"/>
    </row>
    <row r="208" spans="2:19" ht="13.5">
      <c r="B208" s="40"/>
      <c r="C208" s="40"/>
      <c r="D208" s="40"/>
      <c r="E208" s="40"/>
      <c r="F208" s="40"/>
      <c r="G208" s="40"/>
      <c r="H208" s="40"/>
      <c r="L208" s="40"/>
      <c r="M208" s="40"/>
      <c r="N208" s="40"/>
      <c r="O208" s="40"/>
      <c r="P208" s="40"/>
      <c r="Q208" s="40"/>
      <c r="R208" s="40"/>
      <c r="S208" s="40"/>
    </row>
    <row r="209" spans="2:19" ht="13.5">
      <c r="B209" s="40"/>
      <c r="C209" s="40"/>
      <c r="D209" s="40"/>
      <c r="E209" s="40"/>
      <c r="F209" s="40"/>
      <c r="G209" s="40"/>
      <c r="H209" s="40"/>
      <c r="L209" s="40"/>
      <c r="M209" s="40"/>
      <c r="N209" s="40"/>
      <c r="O209" s="40"/>
      <c r="P209" s="40"/>
      <c r="Q209" s="40"/>
      <c r="R209" s="40"/>
      <c r="S209" s="40"/>
    </row>
    <row r="210" spans="2:19" ht="13.5">
      <c r="B210" s="40"/>
      <c r="C210" s="40"/>
      <c r="D210" s="40"/>
      <c r="E210" s="40"/>
      <c r="F210" s="40"/>
      <c r="G210" s="40"/>
      <c r="H210" s="40"/>
      <c r="L210" s="40"/>
      <c r="M210" s="40"/>
      <c r="N210" s="40"/>
      <c r="O210" s="40"/>
      <c r="P210" s="40"/>
      <c r="Q210" s="40"/>
      <c r="R210" s="40"/>
      <c r="S210" s="40"/>
    </row>
    <row r="211" spans="2:19" ht="13.5">
      <c r="B211" s="40"/>
      <c r="C211" s="40"/>
      <c r="D211" s="40"/>
      <c r="E211" s="40"/>
      <c r="F211" s="40"/>
      <c r="G211" s="40"/>
      <c r="H211" s="40"/>
      <c r="L211" s="40"/>
      <c r="M211" s="40"/>
      <c r="N211" s="40"/>
      <c r="O211" s="40"/>
      <c r="P211" s="40"/>
      <c r="Q211" s="40"/>
      <c r="R211" s="40"/>
      <c r="S211" s="40"/>
    </row>
    <row r="212" spans="2:19" ht="13.5">
      <c r="B212" s="40"/>
      <c r="C212" s="40"/>
      <c r="D212" s="40"/>
      <c r="E212" s="40"/>
      <c r="F212" s="40"/>
      <c r="G212" s="40"/>
      <c r="H212" s="40"/>
      <c r="L212" s="40"/>
      <c r="M212" s="40"/>
      <c r="N212" s="40"/>
      <c r="O212" s="40"/>
      <c r="P212" s="40"/>
      <c r="Q212" s="40"/>
      <c r="R212" s="40"/>
      <c r="S212" s="40"/>
    </row>
    <row r="213" spans="2:19" ht="13.5">
      <c r="B213" s="40"/>
      <c r="C213" s="40"/>
      <c r="D213" s="40"/>
      <c r="E213" s="40"/>
      <c r="F213" s="40"/>
      <c r="G213" s="40"/>
      <c r="H213" s="40"/>
      <c r="L213" s="40"/>
      <c r="M213" s="40"/>
      <c r="N213" s="40"/>
      <c r="O213" s="40"/>
      <c r="P213" s="40"/>
      <c r="Q213" s="40"/>
      <c r="R213" s="40"/>
      <c r="S213" s="40"/>
    </row>
    <row r="214" spans="2:19" ht="13.5">
      <c r="B214" s="40"/>
      <c r="C214" s="40"/>
      <c r="D214" s="40"/>
      <c r="E214" s="40"/>
      <c r="F214" s="40"/>
      <c r="G214" s="40"/>
      <c r="H214" s="40"/>
      <c r="L214" s="40"/>
      <c r="M214" s="40"/>
      <c r="N214" s="40"/>
      <c r="O214" s="40"/>
      <c r="P214" s="40"/>
      <c r="Q214" s="40"/>
      <c r="R214" s="40"/>
      <c r="S214" s="40"/>
    </row>
    <row r="215" spans="2:19" ht="13.5">
      <c r="B215" s="40"/>
      <c r="C215" s="40"/>
      <c r="D215" s="40"/>
      <c r="E215" s="40"/>
      <c r="F215" s="40"/>
      <c r="G215" s="40"/>
      <c r="H215" s="40"/>
      <c r="L215" s="40"/>
      <c r="M215" s="40"/>
      <c r="N215" s="40"/>
      <c r="O215" s="40"/>
      <c r="P215" s="40"/>
      <c r="Q215" s="40"/>
      <c r="R215" s="40"/>
      <c r="S215" s="40"/>
    </row>
    <row r="216" spans="2:19" ht="13.5">
      <c r="B216" s="40"/>
      <c r="C216" s="40"/>
      <c r="D216" s="40"/>
      <c r="E216" s="40"/>
      <c r="F216" s="40"/>
      <c r="G216" s="40"/>
      <c r="H216" s="40"/>
      <c r="L216" s="40"/>
      <c r="M216" s="40"/>
      <c r="N216" s="40"/>
      <c r="O216" s="40"/>
      <c r="P216" s="40"/>
      <c r="Q216" s="40"/>
      <c r="R216" s="40"/>
      <c r="S216" s="40"/>
    </row>
    <row r="217" spans="2:19" ht="13.5">
      <c r="B217" s="40"/>
      <c r="C217" s="40"/>
      <c r="D217" s="40"/>
      <c r="E217" s="40"/>
      <c r="F217" s="40"/>
      <c r="G217" s="40"/>
      <c r="H217" s="40"/>
      <c r="L217" s="40"/>
      <c r="M217" s="40"/>
      <c r="N217" s="40"/>
      <c r="O217" s="40"/>
      <c r="P217" s="40"/>
      <c r="Q217" s="40"/>
      <c r="R217" s="40"/>
      <c r="S217" s="40"/>
    </row>
    <row r="218" spans="2:19" ht="13.5">
      <c r="B218" s="40"/>
      <c r="C218" s="40"/>
      <c r="D218" s="40"/>
      <c r="E218" s="40"/>
      <c r="F218" s="40"/>
      <c r="G218" s="40"/>
      <c r="H218" s="40"/>
      <c r="L218" s="40"/>
      <c r="M218" s="40"/>
      <c r="N218" s="40"/>
      <c r="O218" s="40"/>
      <c r="P218" s="40"/>
      <c r="Q218" s="40"/>
      <c r="R218" s="40"/>
      <c r="S218" s="40"/>
    </row>
    <row r="219" spans="2:19" ht="13.5">
      <c r="B219" s="40"/>
      <c r="C219" s="40"/>
      <c r="D219" s="40"/>
      <c r="E219" s="40"/>
      <c r="F219" s="40"/>
      <c r="G219" s="40"/>
      <c r="H219" s="40"/>
      <c r="L219" s="40"/>
      <c r="M219" s="40"/>
      <c r="N219" s="40"/>
      <c r="O219" s="40"/>
      <c r="P219" s="40"/>
      <c r="Q219" s="40"/>
      <c r="R219" s="40"/>
      <c r="S219" s="40"/>
    </row>
    <row r="220" spans="2:19" ht="13.5">
      <c r="B220" s="40"/>
      <c r="C220" s="40"/>
      <c r="D220" s="40"/>
      <c r="E220" s="40"/>
      <c r="F220" s="40"/>
      <c r="G220" s="40"/>
      <c r="H220" s="40"/>
      <c r="L220" s="40"/>
      <c r="M220" s="40"/>
      <c r="N220" s="40"/>
      <c r="O220" s="40"/>
      <c r="P220" s="40"/>
      <c r="Q220" s="40"/>
      <c r="R220" s="40"/>
      <c r="S220" s="40"/>
    </row>
    <row r="221" spans="2:19" ht="13.5">
      <c r="B221" s="40"/>
      <c r="C221" s="40"/>
      <c r="D221" s="40"/>
      <c r="E221" s="40"/>
      <c r="F221" s="40"/>
      <c r="G221" s="40"/>
      <c r="H221" s="40"/>
      <c r="L221" s="40"/>
      <c r="M221" s="40"/>
      <c r="N221" s="40"/>
      <c r="O221" s="40"/>
      <c r="P221" s="40"/>
      <c r="Q221" s="40"/>
      <c r="R221" s="40"/>
      <c r="S221" s="40"/>
    </row>
    <row r="222" spans="2:19" ht="13.5">
      <c r="B222" s="40"/>
      <c r="C222" s="40"/>
      <c r="D222" s="40"/>
      <c r="E222" s="40"/>
      <c r="F222" s="40"/>
      <c r="G222" s="40"/>
      <c r="H222" s="40"/>
      <c r="L222" s="40"/>
      <c r="M222" s="40"/>
      <c r="N222" s="40"/>
      <c r="O222" s="40"/>
      <c r="P222" s="40"/>
      <c r="Q222" s="40"/>
      <c r="R222" s="40"/>
      <c r="S222" s="40"/>
    </row>
    <row r="223" spans="2:19" ht="13.5">
      <c r="B223" s="40"/>
      <c r="C223" s="40"/>
      <c r="D223" s="40"/>
      <c r="E223" s="40"/>
      <c r="F223" s="40"/>
      <c r="G223" s="40"/>
      <c r="H223" s="40"/>
      <c r="L223" s="40"/>
      <c r="M223" s="40"/>
      <c r="N223" s="40"/>
      <c r="O223" s="40"/>
      <c r="P223" s="40"/>
      <c r="Q223" s="40"/>
      <c r="R223" s="40"/>
      <c r="S223" s="40"/>
    </row>
    <row r="224" spans="2:19" ht="13.5">
      <c r="B224" s="40"/>
      <c r="C224" s="40"/>
      <c r="D224" s="40"/>
      <c r="E224" s="40"/>
      <c r="F224" s="40"/>
      <c r="G224" s="40"/>
      <c r="H224" s="40"/>
      <c r="L224" s="40"/>
      <c r="M224" s="40"/>
      <c r="N224" s="40"/>
      <c r="O224" s="40"/>
      <c r="P224" s="40"/>
      <c r="Q224" s="40"/>
      <c r="R224" s="40"/>
      <c r="S224" s="40"/>
    </row>
    <row r="225" spans="2:19" ht="13.5">
      <c r="B225" s="40"/>
      <c r="C225" s="40"/>
      <c r="D225" s="40"/>
      <c r="E225" s="40"/>
      <c r="F225" s="40"/>
      <c r="G225" s="40"/>
      <c r="H225" s="40"/>
      <c r="L225" s="40"/>
      <c r="M225" s="40"/>
      <c r="N225" s="40"/>
      <c r="O225" s="40"/>
      <c r="P225" s="40"/>
      <c r="Q225" s="40"/>
      <c r="R225" s="40"/>
      <c r="S225" s="40"/>
    </row>
    <row r="226" spans="2:19" ht="13.5">
      <c r="B226" s="40"/>
      <c r="C226" s="40"/>
      <c r="D226" s="40"/>
      <c r="E226" s="40"/>
      <c r="F226" s="40"/>
      <c r="G226" s="40"/>
      <c r="H226" s="40"/>
      <c r="L226" s="40"/>
      <c r="M226" s="40"/>
      <c r="N226" s="40"/>
      <c r="O226" s="40"/>
      <c r="P226" s="40"/>
      <c r="Q226" s="40"/>
      <c r="R226" s="40"/>
      <c r="S226" s="40"/>
    </row>
    <row r="227" spans="2:19" ht="13.5">
      <c r="B227" s="40"/>
      <c r="C227" s="40"/>
      <c r="D227" s="40"/>
      <c r="E227" s="40"/>
      <c r="F227" s="40"/>
      <c r="G227" s="40"/>
      <c r="H227" s="40"/>
      <c r="L227" s="40"/>
      <c r="M227" s="40"/>
      <c r="N227" s="40"/>
      <c r="O227" s="40"/>
      <c r="P227" s="40"/>
      <c r="Q227" s="40"/>
      <c r="R227" s="40"/>
      <c r="S227" s="40"/>
    </row>
    <row r="228" spans="2:19" ht="13.5">
      <c r="B228" s="40"/>
      <c r="C228" s="40"/>
      <c r="D228" s="40"/>
      <c r="E228" s="40"/>
      <c r="F228" s="40"/>
      <c r="G228" s="40"/>
      <c r="H228" s="40"/>
      <c r="L228" s="40"/>
      <c r="M228" s="40"/>
      <c r="N228" s="40"/>
      <c r="O228" s="40"/>
      <c r="P228" s="40"/>
      <c r="Q228" s="40"/>
      <c r="R228" s="40"/>
      <c r="S228" s="40"/>
    </row>
    <row r="229" spans="2:19" ht="13.5">
      <c r="B229" s="40"/>
      <c r="C229" s="40"/>
      <c r="D229" s="40"/>
      <c r="E229" s="40"/>
      <c r="F229" s="40"/>
      <c r="G229" s="40"/>
      <c r="H229" s="40"/>
      <c r="L229" s="40"/>
      <c r="M229" s="40"/>
      <c r="N229" s="40"/>
      <c r="O229" s="40"/>
      <c r="P229" s="40"/>
      <c r="Q229" s="40"/>
      <c r="R229" s="40"/>
      <c r="S229" s="40"/>
    </row>
    <row r="230" spans="2:19" ht="13.5">
      <c r="B230" s="40"/>
      <c r="C230" s="40"/>
      <c r="D230" s="40"/>
      <c r="E230" s="40"/>
      <c r="F230" s="40"/>
      <c r="G230" s="40"/>
      <c r="H230" s="40"/>
      <c r="L230" s="40"/>
      <c r="M230" s="40"/>
      <c r="N230" s="40"/>
      <c r="O230" s="40"/>
      <c r="P230" s="40"/>
      <c r="Q230" s="40"/>
      <c r="R230" s="40"/>
      <c r="S230" s="40"/>
    </row>
    <row r="231" spans="2:19" ht="13.5">
      <c r="B231" s="40"/>
      <c r="C231" s="40"/>
      <c r="D231" s="40"/>
      <c r="E231" s="40"/>
      <c r="F231" s="40"/>
      <c r="G231" s="40"/>
      <c r="H231" s="40"/>
      <c r="L231" s="40"/>
      <c r="M231" s="40"/>
      <c r="N231" s="40"/>
      <c r="O231" s="40"/>
      <c r="P231" s="40"/>
      <c r="Q231" s="40"/>
      <c r="R231" s="40"/>
      <c r="S231" s="40"/>
    </row>
    <row r="232" spans="2:19" ht="13.5">
      <c r="B232" s="40"/>
      <c r="C232" s="40"/>
      <c r="D232" s="40"/>
      <c r="E232" s="40"/>
      <c r="F232" s="40"/>
      <c r="G232" s="40"/>
      <c r="H232" s="40"/>
      <c r="L232" s="40"/>
      <c r="M232" s="40"/>
      <c r="N232" s="40"/>
      <c r="O232" s="40"/>
      <c r="P232" s="40"/>
      <c r="Q232" s="40"/>
      <c r="R232" s="40"/>
      <c r="S232" s="40"/>
    </row>
    <row r="233" spans="2:19" ht="13.5">
      <c r="B233" s="40"/>
      <c r="C233" s="40"/>
      <c r="D233" s="40"/>
      <c r="E233" s="40"/>
      <c r="F233" s="40"/>
      <c r="G233" s="40"/>
      <c r="H233" s="40"/>
      <c r="L233" s="40"/>
      <c r="M233" s="40"/>
      <c r="N233" s="40"/>
      <c r="O233" s="40"/>
      <c r="P233" s="40"/>
      <c r="Q233" s="40"/>
      <c r="R233" s="40"/>
      <c r="S233" s="40"/>
    </row>
    <row r="234" spans="2:19" ht="13.5">
      <c r="B234" s="40"/>
      <c r="C234" s="40"/>
      <c r="D234" s="40"/>
      <c r="E234" s="40"/>
      <c r="F234" s="40"/>
      <c r="G234" s="40"/>
      <c r="H234" s="40"/>
      <c r="L234" s="40"/>
      <c r="M234" s="40"/>
      <c r="N234" s="40"/>
      <c r="O234" s="40"/>
      <c r="P234" s="40"/>
      <c r="Q234" s="40"/>
      <c r="R234" s="40"/>
      <c r="S234" s="40"/>
    </row>
    <row r="235" spans="2:19" ht="13.5">
      <c r="B235" s="40"/>
      <c r="C235" s="40"/>
      <c r="D235" s="40"/>
      <c r="E235" s="40"/>
      <c r="F235" s="40"/>
      <c r="G235" s="40"/>
      <c r="H235" s="40"/>
      <c r="L235" s="40"/>
      <c r="M235" s="40"/>
      <c r="N235" s="40"/>
      <c r="O235" s="40"/>
      <c r="P235" s="40"/>
      <c r="Q235" s="40"/>
      <c r="R235" s="40"/>
      <c r="S235" s="40"/>
    </row>
    <row r="236" spans="2:19" ht="13.5">
      <c r="B236" s="40"/>
      <c r="C236" s="40"/>
      <c r="D236" s="40"/>
      <c r="E236" s="40"/>
      <c r="F236" s="40"/>
      <c r="G236" s="40"/>
      <c r="H236" s="40"/>
      <c r="L236" s="40"/>
      <c r="M236" s="40"/>
      <c r="N236" s="40"/>
      <c r="O236" s="40"/>
      <c r="P236" s="40"/>
      <c r="Q236" s="40"/>
      <c r="R236" s="40"/>
      <c r="S236" s="40"/>
    </row>
    <row r="237" spans="2:19" ht="13.5">
      <c r="B237" s="40"/>
      <c r="C237" s="40"/>
      <c r="D237" s="40"/>
      <c r="E237" s="40"/>
      <c r="F237" s="40"/>
      <c r="G237" s="40"/>
      <c r="H237" s="40"/>
      <c r="L237" s="40"/>
      <c r="M237" s="40"/>
      <c r="N237" s="40"/>
      <c r="O237" s="40"/>
      <c r="P237" s="40"/>
      <c r="Q237" s="40"/>
      <c r="R237" s="40"/>
      <c r="S237" s="40"/>
    </row>
    <row r="238" spans="2:19" ht="13.5">
      <c r="B238" s="40"/>
      <c r="C238" s="40"/>
      <c r="D238" s="40"/>
      <c r="E238" s="40"/>
      <c r="F238" s="40"/>
      <c r="G238" s="40"/>
      <c r="H238" s="40"/>
      <c r="L238" s="40"/>
      <c r="M238" s="40"/>
      <c r="N238" s="40"/>
      <c r="O238" s="40"/>
      <c r="P238" s="40"/>
      <c r="Q238" s="40"/>
      <c r="R238" s="40"/>
      <c r="S238" s="40"/>
    </row>
    <row r="239" spans="2:19" ht="13.5">
      <c r="B239" s="40"/>
      <c r="C239" s="40"/>
      <c r="D239" s="40"/>
      <c r="E239" s="40"/>
      <c r="F239" s="40"/>
      <c r="G239" s="40"/>
      <c r="H239" s="40"/>
      <c r="L239" s="40"/>
      <c r="M239" s="40"/>
      <c r="N239" s="40"/>
      <c r="O239" s="40"/>
      <c r="P239" s="40"/>
      <c r="Q239" s="40"/>
      <c r="R239" s="40"/>
      <c r="S239" s="40"/>
    </row>
    <row r="240" spans="2:19" ht="13.5">
      <c r="B240" s="40"/>
      <c r="C240" s="40"/>
      <c r="D240" s="40"/>
      <c r="E240" s="40"/>
      <c r="F240" s="40"/>
      <c r="G240" s="40"/>
      <c r="H240" s="40"/>
      <c r="L240" s="40"/>
      <c r="M240" s="40"/>
      <c r="N240" s="40"/>
      <c r="O240" s="40"/>
      <c r="P240" s="40"/>
      <c r="Q240" s="40"/>
      <c r="R240" s="40"/>
      <c r="S240" s="40"/>
    </row>
    <row r="241" spans="2:19" ht="13.5">
      <c r="B241" s="40"/>
      <c r="C241" s="40"/>
      <c r="D241" s="40"/>
      <c r="E241" s="40"/>
      <c r="F241" s="40"/>
      <c r="G241" s="40"/>
      <c r="H241" s="40"/>
      <c r="L241" s="40"/>
      <c r="M241" s="40"/>
      <c r="N241" s="40"/>
      <c r="O241" s="40"/>
      <c r="P241" s="40"/>
      <c r="Q241" s="40"/>
      <c r="R241" s="40"/>
      <c r="S241" s="40"/>
    </row>
    <row r="242" spans="2:19" ht="13.5">
      <c r="B242" s="40"/>
      <c r="C242" s="40"/>
      <c r="D242" s="40"/>
      <c r="E242" s="40"/>
      <c r="F242" s="40"/>
      <c r="G242" s="40"/>
      <c r="H242" s="40"/>
      <c r="L242" s="40"/>
      <c r="M242" s="40"/>
      <c r="N242" s="40"/>
      <c r="O242" s="40"/>
      <c r="P242" s="40"/>
      <c r="Q242" s="40"/>
      <c r="R242" s="40"/>
      <c r="S242" s="40"/>
    </row>
    <row r="243" spans="2:19" ht="13.5">
      <c r="B243" s="40"/>
      <c r="C243" s="40"/>
      <c r="D243" s="40"/>
      <c r="E243" s="40"/>
      <c r="F243" s="40"/>
      <c r="G243" s="40"/>
      <c r="H243" s="40"/>
      <c r="L243" s="40"/>
      <c r="M243" s="40"/>
      <c r="N243" s="40"/>
      <c r="O243" s="40"/>
      <c r="P243" s="40"/>
      <c r="Q243" s="40"/>
      <c r="R243" s="40"/>
      <c r="S243" s="40"/>
    </row>
    <row r="244" spans="2:19" ht="13.5">
      <c r="B244" s="40"/>
      <c r="C244" s="40"/>
      <c r="D244" s="40"/>
      <c r="E244" s="40"/>
      <c r="F244" s="40"/>
      <c r="G244" s="40"/>
      <c r="H244" s="40"/>
      <c r="L244" s="40"/>
      <c r="M244" s="40"/>
      <c r="N244" s="40"/>
      <c r="O244" s="40"/>
      <c r="P244" s="40"/>
      <c r="Q244" s="40"/>
      <c r="R244" s="40"/>
      <c r="S244" s="40"/>
    </row>
    <row r="245" spans="2:19" ht="13.5">
      <c r="B245" s="40"/>
      <c r="C245" s="40"/>
      <c r="D245" s="40"/>
      <c r="E245" s="40"/>
      <c r="F245" s="40"/>
      <c r="G245" s="40"/>
      <c r="H245" s="40"/>
      <c r="L245" s="40"/>
      <c r="M245" s="40"/>
      <c r="N245" s="40"/>
      <c r="O245" s="40"/>
      <c r="P245" s="40"/>
      <c r="Q245" s="40"/>
      <c r="R245" s="40"/>
      <c r="S245" s="40"/>
    </row>
    <row r="246" spans="2:19" ht="13.5">
      <c r="B246" s="40"/>
      <c r="C246" s="40"/>
      <c r="D246" s="40"/>
      <c r="E246" s="40"/>
      <c r="F246" s="40"/>
      <c r="G246" s="40"/>
      <c r="H246" s="40"/>
      <c r="L246" s="40"/>
      <c r="M246" s="40"/>
      <c r="N246" s="40"/>
      <c r="O246" s="40"/>
      <c r="P246" s="40"/>
      <c r="Q246" s="40"/>
      <c r="R246" s="40"/>
      <c r="S246" s="40"/>
    </row>
    <row r="247" spans="2:19" ht="13.5">
      <c r="B247" s="40"/>
      <c r="C247" s="40"/>
      <c r="D247" s="40"/>
      <c r="E247" s="40"/>
      <c r="F247" s="40"/>
      <c r="G247" s="40"/>
      <c r="H247" s="40"/>
      <c r="L247" s="40"/>
      <c r="M247" s="40"/>
      <c r="N247" s="40"/>
      <c r="O247" s="40"/>
      <c r="P247" s="40"/>
      <c r="Q247" s="40"/>
      <c r="R247" s="40"/>
      <c r="S247" s="40"/>
    </row>
    <row r="248" spans="2:19" ht="13.5">
      <c r="B248" s="40"/>
      <c r="C248" s="40"/>
      <c r="D248" s="40"/>
      <c r="E248" s="40"/>
      <c r="F248" s="40"/>
      <c r="G248" s="40"/>
      <c r="H248" s="40"/>
      <c r="L248" s="40"/>
      <c r="M248" s="40"/>
      <c r="N248" s="40"/>
      <c r="O248" s="40"/>
      <c r="P248" s="40"/>
      <c r="Q248" s="40"/>
      <c r="R248" s="40"/>
      <c r="S248" s="40"/>
    </row>
    <row r="249" spans="2:19" ht="13.5">
      <c r="B249" s="40"/>
      <c r="C249" s="40"/>
      <c r="D249" s="40"/>
      <c r="E249" s="40"/>
      <c r="F249" s="40"/>
      <c r="G249" s="40"/>
      <c r="H249" s="40"/>
      <c r="L249" s="40"/>
      <c r="M249" s="40"/>
      <c r="N249" s="40"/>
      <c r="O249" s="40"/>
      <c r="P249" s="40"/>
      <c r="Q249" s="40"/>
      <c r="R249" s="40"/>
      <c r="S249" s="40"/>
    </row>
    <row r="250" spans="2:19" ht="13.5">
      <c r="B250" s="40"/>
      <c r="C250" s="40"/>
      <c r="D250" s="40"/>
      <c r="E250" s="40"/>
      <c r="F250" s="40"/>
      <c r="G250" s="40"/>
      <c r="H250" s="40"/>
      <c r="L250" s="40"/>
      <c r="M250" s="40"/>
      <c r="N250" s="40"/>
      <c r="O250" s="40"/>
      <c r="P250" s="40"/>
      <c r="Q250" s="40"/>
      <c r="R250" s="40"/>
      <c r="S250" s="40"/>
    </row>
    <row r="251" spans="2:19" ht="13.5">
      <c r="B251" s="40"/>
      <c r="C251" s="40"/>
      <c r="D251" s="40"/>
      <c r="E251" s="40"/>
      <c r="F251" s="40"/>
      <c r="G251" s="40"/>
      <c r="H251" s="40"/>
      <c r="L251" s="40"/>
      <c r="M251" s="40"/>
      <c r="N251" s="40"/>
      <c r="O251" s="40"/>
      <c r="P251" s="40"/>
      <c r="Q251" s="40"/>
      <c r="R251" s="40"/>
      <c r="S251" s="40"/>
    </row>
    <row r="252" spans="2:19" ht="13.5">
      <c r="B252" s="40"/>
      <c r="C252" s="40"/>
      <c r="D252" s="40"/>
      <c r="E252" s="40"/>
      <c r="F252" s="40"/>
      <c r="G252" s="40"/>
      <c r="H252" s="40"/>
      <c r="L252" s="40"/>
      <c r="M252" s="40"/>
      <c r="N252" s="40"/>
      <c r="O252" s="40"/>
      <c r="P252" s="40"/>
      <c r="Q252" s="40"/>
      <c r="R252" s="40"/>
      <c r="S252" s="40"/>
    </row>
    <row r="253" spans="2:19" ht="13.5">
      <c r="B253" s="40"/>
      <c r="C253" s="40"/>
      <c r="D253" s="40"/>
      <c r="E253" s="40"/>
      <c r="F253" s="40"/>
      <c r="G253" s="40"/>
      <c r="H253" s="40"/>
      <c r="L253" s="40"/>
      <c r="M253" s="40"/>
      <c r="N253" s="40"/>
      <c r="O253" s="40"/>
      <c r="P253" s="40"/>
      <c r="Q253" s="40"/>
      <c r="R253" s="40"/>
      <c r="S253" s="40"/>
    </row>
    <row r="254" spans="2:19" ht="13.5">
      <c r="B254" s="40"/>
      <c r="C254" s="40"/>
      <c r="D254" s="40"/>
      <c r="E254" s="40"/>
      <c r="F254" s="40"/>
      <c r="G254" s="40"/>
      <c r="H254" s="40"/>
      <c r="L254" s="40"/>
      <c r="M254" s="40"/>
      <c r="N254" s="40"/>
      <c r="O254" s="40"/>
      <c r="P254" s="40"/>
      <c r="Q254" s="40"/>
      <c r="R254" s="40"/>
      <c r="S254" s="40"/>
    </row>
    <row r="255" spans="2:19" ht="13.5">
      <c r="B255" s="40"/>
      <c r="C255" s="40"/>
      <c r="D255" s="40"/>
      <c r="E255" s="40"/>
      <c r="F255" s="40"/>
      <c r="G255" s="40"/>
      <c r="H255" s="40"/>
      <c r="L255" s="40"/>
      <c r="M255" s="40"/>
      <c r="N255" s="40"/>
      <c r="O255" s="40"/>
      <c r="P255" s="40"/>
      <c r="Q255" s="40"/>
      <c r="R255" s="40"/>
      <c r="S255" s="40"/>
    </row>
    <row r="256" spans="2:19" ht="13.5">
      <c r="B256" s="40"/>
      <c r="C256" s="40"/>
      <c r="D256" s="40"/>
      <c r="E256" s="40"/>
      <c r="F256" s="40"/>
      <c r="G256" s="40"/>
      <c r="H256" s="40"/>
      <c r="L256" s="40"/>
      <c r="M256" s="40"/>
      <c r="N256" s="40"/>
      <c r="O256" s="40"/>
      <c r="P256" s="40"/>
      <c r="Q256" s="40"/>
      <c r="R256" s="40"/>
      <c r="S256" s="40"/>
    </row>
    <row r="257" spans="2:19" ht="13.5">
      <c r="B257" s="40"/>
      <c r="C257" s="40"/>
      <c r="D257" s="40"/>
      <c r="E257" s="40"/>
      <c r="F257" s="40"/>
      <c r="G257" s="40"/>
      <c r="H257" s="40"/>
      <c r="L257" s="40"/>
      <c r="M257" s="40"/>
      <c r="N257" s="40"/>
      <c r="O257" s="40"/>
      <c r="P257" s="40"/>
      <c r="Q257" s="40"/>
      <c r="R257" s="40"/>
      <c r="S257" s="40"/>
    </row>
    <row r="258" spans="2:19" ht="13.5">
      <c r="B258" s="40"/>
      <c r="C258" s="40"/>
      <c r="D258" s="40"/>
      <c r="E258" s="40"/>
      <c r="F258" s="40"/>
      <c r="G258" s="40"/>
      <c r="H258" s="40"/>
      <c r="L258" s="40"/>
      <c r="M258" s="40"/>
      <c r="N258" s="40"/>
      <c r="O258" s="40"/>
      <c r="P258" s="40"/>
      <c r="Q258" s="40"/>
      <c r="R258" s="40"/>
      <c r="S258" s="40"/>
    </row>
    <row r="259" spans="2:19" ht="13.5">
      <c r="B259" s="40"/>
      <c r="C259" s="40"/>
      <c r="D259" s="40"/>
      <c r="E259" s="40"/>
      <c r="F259" s="40"/>
      <c r="G259" s="40"/>
      <c r="H259" s="40"/>
      <c r="L259" s="40"/>
      <c r="M259" s="40"/>
      <c r="N259" s="40"/>
      <c r="O259" s="40"/>
      <c r="P259" s="40"/>
      <c r="Q259" s="40"/>
      <c r="R259" s="40"/>
      <c r="S259" s="40"/>
    </row>
    <row r="260" spans="2:19" ht="13.5">
      <c r="B260" s="40"/>
      <c r="C260" s="40"/>
      <c r="D260" s="40"/>
      <c r="E260" s="40"/>
      <c r="F260" s="40"/>
      <c r="G260" s="40"/>
      <c r="H260" s="40"/>
      <c r="L260" s="40"/>
      <c r="M260" s="40"/>
      <c r="N260" s="40"/>
      <c r="O260" s="40"/>
      <c r="P260" s="40"/>
      <c r="Q260" s="40"/>
      <c r="R260" s="40"/>
      <c r="S260" s="40"/>
    </row>
    <row r="261" spans="2:19" ht="13.5">
      <c r="B261" s="40"/>
      <c r="C261" s="40"/>
      <c r="D261" s="40"/>
      <c r="E261" s="40"/>
      <c r="F261" s="40"/>
      <c r="G261" s="40"/>
      <c r="H261" s="40"/>
      <c r="L261" s="40"/>
      <c r="M261" s="40"/>
      <c r="N261" s="40"/>
      <c r="O261" s="40"/>
      <c r="P261" s="40"/>
      <c r="Q261" s="40"/>
      <c r="R261" s="40"/>
      <c r="S261" s="40"/>
    </row>
    <row r="262" spans="2:19" ht="13.5">
      <c r="B262" s="40"/>
      <c r="C262" s="40"/>
      <c r="D262" s="40"/>
      <c r="E262" s="40"/>
      <c r="F262" s="40"/>
      <c r="G262" s="40"/>
      <c r="H262" s="40"/>
      <c r="L262" s="40"/>
      <c r="M262" s="40"/>
      <c r="N262" s="40"/>
      <c r="O262" s="40"/>
      <c r="P262" s="40"/>
      <c r="Q262" s="40"/>
      <c r="R262" s="40"/>
      <c r="S262" s="40"/>
    </row>
    <row r="263" spans="2:19" ht="13.5">
      <c r="B263" s="40"/>
      <c r="C263" s="40"/>
      <c r="D263" s="40"/>
      <c r="E263" s="40"/>
      <c r="F263" s="40"/>
      <c r="G263" s="40"/>
      <c r="H263" s="40"/>
      <c r="L263" s="40"/>
      <c r="M263" s="40"/>
      <c r="N263" s="40"/>
      <c r="O263" s="40"/>
      <c r="P263" s="40"/>
      <c r="Q263" s="40"/>
      <c r="R263" s="40"/>
      <c r="S263" s="40"/>
    </row>
    <row r="264" spans="2:19" ht="13.5">
      <c r="B264" s="40"/>
      <c r="C264" s="40"/>
      <c r="D264" s="40"/>
      <c r="E264" s="40"/>
      <c r="F264" s="40"/>
      <c r="G264" s="40"/>
      <c r="H264" s="40"/>
      <c r="L264" s="40"/>
      <c r="M264" s="40"/>
      <c r="N264" s="40"/>
      <c r="O264" s="40"/>
      <c r="P264" s="40"/>
      <c r="Q264" s="40"/>
      <c r="R264" s="40"/>
      <c r="S264" s="40"/>
    </row>
    <row r="265" spans="2:19" ht="13.5">
      <c r="B265" s="40"/>
      <c r="C265" s="40"/>
      <c r="D265" s="40"/>
      <c r="E265" s="40"/>
      <c r="F265" s="40"/>
      <c r="G265" s="40"/>
      <c r="H265" s="40"/>
      <c r="L265" s="40"/>
      <c r="M265" s="40"/>
      <c r="N265" s="40"/>
      <c r="O265" s="40"/>
      <c r="P265" s="40"/>
      <c r="Q265" s="40"/>
      <c r="R265" s="40"/>
      <c r="S265" s="40"/>
    </row>
    <row r="266" spans="2:19" ht="13.5">
      <c r="B266" s="40"/>
      <c r="C266" s="40"/>
      <c r="D266" s="40"/>
      <c r="E266" s="40"/>
      <c r="F266" s="40"/>
      <c r="G266" s="40"/>
      <c r="H266" s="40"/>
      <c r="L266" s="40"/>
      <c r="M266" s="40"/>
      <c r="N266" s="40"/>
      <c r="O266" s="40"/>
      <c r="P266" s="40"/>
      <c r="Q266" s="40"/>
      <c r="R266" s="40"/>
      <c r="S266" s="40"/>
    </row>
    <row r="267" spans="2:19" ht="13.5">
      <c r="B267" s="40"/>
      <c r="C267" s="40"/>
      <c r="D267" s="40"/>
      <c r="E267" s="40"/>
      <c r="F267" s="40"/>
      <c r="G267" s="40"/>
      <c r="H267" s="40"/>
      <c r="L267" s="40"/>
      <c r="M267" s="40"/>
      <c r="N267" s="40"/>
      <c r="O267" s="40"/>
      <c r="P267" s="40"/>
      <c r="Q267" s="40"/>
      <c r="R267" s="40"/>
      <c r="S267" s="40"/>
    </row>
    <row r="268" spans="2:19" ht="13.5">
      <c r="B268" s="40"/>
      <c r="C268" s="40"/>
      <c r="D268" s="40"/>
      <c r="E268" s="40"/>
      <c r="F268" s="40"/>
      <c r="G268" s="40"/>
      <c r="H268" s="40"/>
      <c r="L268" s="40"/>
      <c r="M268" s="40"/>
      <c r="N268" s="40"/>
      <c r="O268" s="40"/>
      <c r="P268" s="40"/>
      <c r="Q268" s="40"/>
      <c r="R268" s="40"/>
      <c r="S268" s="40"/>
    </row>
    <row r="269" spans="2:19" ht="13.5">
      <c r="B269" s="40"/>
      <c r="C269" s="40"/>
      <c r="D269" s="40"/>
      <c r="E269" s="40"/>
      <c r="F269" s="40"/>
      <c r="G269" s="40"/>
      <c r="H269" s="40"/>
      <c r="L269" s="40"/>
      <c r="M269" s="40"/>
      <c r="N269" s="40"/>
      <c r="O269" s="40"/>
      <c r="P269" s="40"/>
      <c r="Q269" s="40"/>
      <c r="R269" s="40"/>
      <c r="S269" s="40"/>
    </row>
    <row r="270" spans="2:19" ht="13.5">
      <c r="B270" s="40"/>
      <c r="C270" s="40"/>
      <c r="D270" s="40"/>
      <c r="E270" s="40"/>
      <c r="F270" s="40"/>
      <c r="G270" s="40"/>
      <c r="H270" s="40"/>
      <c r="L270" s="40"/>
      <c r="M270" s="40"/>
      <c r="N270" s="40"/>
      <c r="O270" s="40"/>
      <c r="P270" s="40"/>
      <c r="Q270" s="40"/>
      <c r="R270" s="40"/>
      <c r="S270" s="40"/>
    </row>
    <row r="271" spans="2:19" ht="13.5">
      <c r="B271" s="40"/>
      <c r="C271" s="40"/>
      <c r="D271" s="40"/>
      <c r="E271" s="40"/>
      <c r="F271" s="40"/>
      <c r="G271" s="40"/>
      <c r="H271" s="40"/>
      <c r="L271" s="40"/>
      <c r="M271" s="40"/>
      <c r="N271" s="40"/>
      <c r="O271" s="40"/>
      <c r="P271" s="40"/>
      <c r="Q271" s="40"/>
      <c r="R271" s="40"/>
      <c r="S271" s="40"/>
    </row>
    <row r="272" spans="2:19" ht="13.5">
      <c r="B272" s="40"/>
      <c r="C272" s="40"/>
      <c r="D272" s="40"/>
      <c r="E272" s="40"/>
      <c r="F272" s="40"/>
      <c r="G272" s="40"/>
      <c r="H272" s="40"/>
      <c r="L272" s="40"/>
      <c r="M272" s="40"/>
      <c r="N272" s="40"/>
      <c r="O272" s="40"/>
      <c r="P272" s="40"/>
      <c r="Q272" s="40"/>
      <c r="R272" s="40"/>
      <c r="S272" s="40"/>
    </row>
    <row r="273" spans="2:19" ht="13.5">
      <c r="B273" s="40"/>
      <c r="C273" s="40"/>
      <c r="D273" s="40"/>
      <c r="E273" s="40"/>
      <c r="F273" s="40"/>
      <c r="G273" s="40"/>
      <c r="H273" s="40"/>
      <c r="L273" s="40"/>
      <c r="M273" s="40"/>
      <c r="N273" s="40"/>
      <c r="O273" s="40"/>
      <c r="P273" s="40"/>
      <c r="Q273" s="40"/>
      <c r="R273" s="40"/>
      <c r="S273" s="40"/>
    </row>
    <row r="274" spans="2:19" ht="13.5">
      <c r="B274" s="40"/>
      <c r="C274" s="40"/>
      <c r="D274" s="40"/>
      <c r="E274" s="40"/>
      <c r="F274" s="40"/>
      <c r="G274" s="40"/>
      <c r="H274" s="40"/>
      <c r="L274" s="40"/>
      <c r="M274" s="40"/>
      <c r="N274" s="40"/>
      <c r="O274" s="40"/>
      <c r="P274" s="40"/>
      <c r="Q274" s="40"/>
      <c r="R274" s="40"/>
      <c r="S274" s="40"/>
    </row>
    <row r="275" spans="2:19" ht="13.5">
      <c r="B275" s="40"/>
      <c r="C275" s="40"/>
      <c r="D275" s="40"/>
      <c r="E275" s="40"/>
      <c r="F275" s="40"/>
      <c r="G275" s="40"/>
      <c r="H275" s="40"/>
      <c r="L275" s="40"/>
      <c r="M275" s="40"/>
      <c r="N275" s="40"/>
      <c r="O275" s="40"/>
      <c r="P275" s="40"/>
      <c r="Q275" s="40"/>
      <c r="R275" s="40"/>
      <c r="S275" s="40"/>
    </row>
    <row r="276" spans="2:19" ht="13.5">
      <c r="B276" s="40"/>
      <c r="C276" s="40"/>
      <c r="D276" s="40"/>
      <c r="E276" s="40"/>
      <c r="F276" s="40"/>
      <c r="G276" s="40"/>
      <c r="H276" s="40"/>
      <c r="L276" s="40"/>
      <c r="M276" s="40"/>
      <c r="N276" s="40"/>
      <c r="O276" s="40"/>
      <c r="P276" s="40"/>
      <c r="Q276" s="40"/>
      <c r="R276" s="40"/>
      <c r="S276" s="40"/>
    </row>
    <row r="277" spans="2:19" ht="13.5">
      <c r="B277" s="40"/>
      <c r="C277" s="40"/>
      <c r="D277" s="40"/>
      <c r="E277" s="40"/>
      <c r="F277" s="40"/>
      <c r="G277" s="40"/>
      <c r="H277" s="40"/>
      <c r="L277" s="40"/>
      <c r="M277" s="40"/>
      <c r="N277" s="40"/>
      <c r="O277" s="40"/>
      <c r="P277" s="40"/>
      <c r="Q277" s="40"/>
      <c r="R277" s="40"/>
      <c r="S277" s="40"/>
    </row>
    <row r="278" spans="2:19" ht="13.5">
      <c r="B278" s="40"/>
      <c r="C278" s="40"/>
      <c r="D278" s="40"/>
      <c r="E278" s="40"/>
      <c r="F278" s="40"/>
      <c r="G278" s="40"/>
      <c r="H278" s="40"/>
      <c r="L278" s="40"/>
      <c r="M278" s="40"/>
      <c r="N278" s="40"/>
      <c r="O278" s="40"/>
      <c r="P278" s="40"/>
      <c r="Q278" s="40"/>
      <c r="R278" s="40"/>
      <c r="S278" s="40"/>
    </row>
    <row r="279" spans="2:19" ht="13.5">
      <c r="B279" s="40"/>
      <c r="C279" s="40"/>
      <c r="D279" s="40"/>
      <c r="E279" s="40"/>
      <c r="F279" s="40"/>
      <c r="G279" s="40"/>
      <c r="H279" s="40"/>
      <c r="L279" s="40"/>
      <c r="M279" s="40"/>
      <c r="N279" s="40"/>
      <c r="O279" s="40"/>
      <c r="P279" s="40"/>
      <c r="Q279" s="40"/>
      <c r="R279" s="40"/>
      <c r="S279" s="40"/>
    </row>
    <row r="280" spans="2:19" ht="13.5">
      <c r="B280" s="40"/>
      <c r="C280" s="40"/>
      <c r="D280" s="40"/>
      <c r="E280" s="40"/>
      <c r="F280" s="40"/>
      <c r="G280" s="40"/>
      <c r="H280" s="40"/>
      <c r="L280" s="40"/>
      <c r="M280" s="40"/>
      <c r="N280" s="40"/>
      <c r="O280" s="40"/>
      <c r="P280" s="40"/>
      <c r="Q280" s="40"/>
      <c r="R280" s="40"/>
      <c r="S280" s="40"/>
    </row>
    <row r="281" spans="2:19" ht="13.5">
      <c r="B281" s="40"/>
      <c r="C281" s="40"/>
      <c r="D281" s="40"/>
      <c r="E281" s="40"/>
      <c r="F281" s="40"/>
      <c r="G281" s="40"/>
      <c r="H281" s="40"/>
      <c r="L281" s="40"/>
      <c r="M281" s="40"/>
      <c r="N281" s="40"/>
      <c r="O281" s="40"/>
      <c r="P281" s="40"/>
      <c r="Q281" s="40"/>
      <c r="R281" s="40"/>
      <c r="S281" s="40"/>
    </row>
    <row r="282" spans="2:19" ht="13.5">
      <c r="B282" s="40"/>
      <c r="C282" s="40"/>
      <c r="D282" s="40"/>
      <c r="E282" s="40"/>
      <c r="F282" s="40"/>
      <c r="G282" s="40"/>
      <c r="H282" s="40"/>
      <c r="L282" s="40"/>
      <c r="M282" s="40"/>
      <c r="N282" s="40"/>
      <c r="O282" s="40"/>
      <c r="P282" s="40"/>
      <c r="Q282" s="40"/>
      <c r="R282" s="40"/>
      <c r="S282" s="40"/>
    </row>
    <row r="283" spans="2:19" ht="13.5">
      <c r="B283" s="40"/>
      <c r="C283" s="40"/>
      <c r="D283" s="40"/>
      <c r="E283" s="40"/>
      <c r="F283" s="40"/>
      <c r="G283" s="40"/>
      <c r="H283" s="40"/>
      <c r="L283" s="40"/>
      <c r="M283" s="40"/>
      <c r="N283" s="40"/>
      <c r="O283" s="40"/>
      <c r="P283" s="40"/>
      <c r="Q283" s="40"/>
      <c r="R283" s="40"/>
      <c r="S283" s="40"/>
    </row>
    <row r="284" spans="2:19" ht="13.5">
      <c r="B284" s="40"/>
      <c r="C284" s="40"/>
      <c r="D284" s="40"/>
      <c r="E284" s="40"/>
      <c r="F284" s="40"/>
      <c r="G284" s="40"/>
      <c r="H284" s="40"/>
      <c r="L284" s="40"/>
      <c r="M284" s="40"/>
      <c r="N284" s="40"/>
      <c r="O284" s="40"/>
      <c r="P284" s="40"/>
      <c r="Q284" s="40"/>
      <c r="R284" s="40"/>
      <c r="S284" s="40"/>
    </row>
    <row r="285" spans="2:19" ht="13.5">
      <c r="B285" s="40"/>
      <c r="C285" s="40"/>
      <c r="D285" s="40"/>
      <c r="E285" s="40"/>
      <c r="F285" s="40"/>
      <c r="G285" s="40"/>
      <c r="H285" s="40"/>
      <c r="L285" s="40"/>
      <c r="M285" s="40"/>
      <c r="N285" s="40"/>
      <c r="O285" s="40"/>
      <c r="P285" s="40"/>
      <c r="Q285" s="40"/>
      <c r="R285" s="40"/>
      <c r="S285" s="40"/>
    </row>
    <row r="286" spans="2:19" ht="13.5">
      <c r="B286" s="40"/>
      <c r="C286" s="40"/>
      <c r="D286" s="40"/>
      <c r="E286" s="40"/>
      <c r="F286" s="40"/>
      <c r="G286" s="40"/>
      <c r="H286" s="40"/>
      <c r="L286" s="40"/>
      <c r="M286" s="40"/>
      <c r="N286" s="40"/>
      <c r="O286" s="40"/>
      <c r="P286" s="40"/>
      <c r="Q286" s="40"/>
      <c r="R286" s="40"/>
      <c r="S286" s="40"/>
    </row>
    <row r="287" spans="2:19" ht="13.5">
      <c r="B287" s="40"/>
      <c r="C287" s="40"/>
      <c r="D287" s="40"/>
      <c r="E287" s="40"/>
      <c r="F287" s="40"/>
      <c r="G287" s="40"/>
      <c r="H287" s="40"/>
      <c r="L287" s="40"/>
      <c r="M287" s="40"/>
      <c r="N287" s="40"/>
      <c r="O287" s="40"/>
      <c r="P287" s="40"/>
      <c r="Q287" s="40"/>
      <c r="R287" s="40"/>
      <c r="S287" s="40"/>
    </row>
    <row r="288" spans="2:19" ht="13.5">
      <c r="B288" s="40"/>
      <c r="C288" s="40"/>
      <c r="D288" s="40"/>
      <c r="E288" s="40"/>
      <c r="F288" s="40"/>
      <c r="G288" s="40"/>
      <c r="H288" s="40"/>
      <c r="L288" s="40"/>
      <c r="M288" s="40"/>
      <c r="N288" s="40"/>
      <c r="O288" s="40"/>
      <c r="P288" s="40"/>
      <c r="Q288" s="40"/>
      <c r="R288" s="40"/>
      <c r="S288" s="40"/>
    </row>
    <row r="289" spans="2:19" ht="13.5">
      <c r="B289" s="40"/>
      <c r="C289" s="40"/>
      <c r="D289" s="40"/>
      <c r="E289" s="40"/>
      <c r="F289" s="40"/>
      <c r="G289" s="40"/>
      <c r="H289" s="40"/>
      <c r="L289" s="40"/>
      <c r="M289" s="40"/>
      <c r="N289" s="40"/>
      <c r="O289" s="40"/>
      <c r="P289" s="40"/>
      <c r="Q289" s="40"/>
      <c r="R289" s="40"/>
      <c r="S289" s="40"/>
    </row>
    <row r="290" spans="2:19" ht="13.5">
      <c r="B290" s="40"/>
      <c r="C290" s="40"/>
      <c r="D290" s="40"/>
      <c r="E290" s="40"/>
      <c r="F290" s="40"/>
      <c r="G290" s="40"/>
      <c r="H290" s="40"/>
      <c r="L290" s="40"/>
      <c r="M290" s="40"/>
      <c r="N290" s="40"/>
      <c r="O290" s="40"/>
      <c r="P290" s="40"/>
      <c r="Q290" s="40"/>
      <c r="R290" s="40"/>
      <c r="S290" s="40"/>
    </row>
    <row r="291" spans="2:19" ht="13.5">
      <c r="B291" s="40"/>
      <c r="C291" s="40"/>
      <c r="D291" s="40"/>
      <c r="E291" s="40"/>
      <c r="F291" s="40"/>
      <c r="G291" s="40"/>
      <c r="H291" s="40"/>
      <c r="L291" s="40"/>
      <c r="M291" s="40"/>
      <c r="N291" s="40"/>
      <c r="O291" s="40"/>
      <c r="P291" s="40"/>
      <c r="Q291" s="40"/>
      <c r="R291" s="40"/>
      <c r="S291" s="40"/>
    </row>
    <row r="292" spans="2:19" ht="13.5">
      <c r="B292" s="40"/>
      <c r="C292" s="40"/>
      <c r="D292" s="40"/>
      <c r="E292" s="40"/>
      <c r="F292" s="40"/>
      <c r="G292" s="40"/>
      <c r="H292" s="40"/>
      <c r="L292" s="40"/>
      <c r="M292" s="40"/>
      <c r="N292" s="40"/>
      <c r="O292" s="40"/>
      <c r="P292" s="40"/>
      <c r="Q292" s="40"/>
      <c r="R292" s="40"/>
      <c r="S292" s="40"/>
    </row>
    <row r="293" spans="2:19" ht="13.5">
      <c r="B293" s="40"/>
      <c r="C293" s="40"/>
      <c r="D293" s="40"/>
      <c r="E293" s="40"/>
      <c r="F293" s="40"/>
      <c r="G293" s="40"/>
      <c r="H293" s="40"/>
      <c r="L293" s="40"/>
      <c r="M293" s="40"/>
      <c r="N293" s="40"/>
      <c r="O293" s="40"/>
      <c r="P293" s="40"/>
      <c r="Q293" s="40"/>
      <c r="R293" s="40"/>
      <c r="S293" s="40"/>
    </row>
    <row r="294" spans="2:19" ht="13.5">
      <c r="B294" s="40"/>
      <c r="C294" s="40"/>
      <c r="D294" s="40"/>
      <c r="E294" s="40"/>
      <c r="F294" s="40"/>
      <c r="G294" s="40"/>
      <c r="H294" s="40"/>
      <c r="L294" s="40"/>
      <c r="M294" s="40"/>
      <c r="N294" s="40"/>
      <c r="O294" s="40"/>
      <c r="P294" s="40"/>
      <c r="Q294" s="40"/>
      <c r="R294" s="40"/>
      <c r="S294" s="40"/>
    </row>
    <row r="295" spans="2:19" ht="13.5">
      <c r="B295" s="40"/>
      <c r="C295" s="40"/>
      <c r="D295" s="40"/>
      <c r="E295" s="40"/>
      <c r="F295" s="40"/>
      <c r="G295" s="40"/>
      <c r="H295" s="40"/>
      <c r="L295" s="40"/>
      <c r="M295" s="40"/>
      <c r="N295" s="40"/>
      <c r="O295" s="40"/>
      <c r="P295" s="40"/>
      <c r="Q295" s="40"/>
      <c r="R295" s="40"/>
      <c r="S295" s="40"/>
    </row>
    <row r="296" spans="2:19" ht="13.5">
      <c r="B296" s="40"/>
      <c r="C296" s="40"/>
      <c r="D296" s="40"/>
      <c r="E296" s="40"/>
      <c r="F296" s="40"/>
      <c r="G296" s="40"/>
      <c r="H296" s="40"/>
      <c r="L296" s="40"/>
      <c r="M296" s="40"/>
      <c r="N296" s="40"/>
      <c r="O296" s="40"/>
      <c r="P296" s="40"/>
      <c r="Q296" s="40"/>
      <c r="R296" s="40"/>
      <c r="S296" s="40"/>
    </row>
    <row r="297" spans="2:19" ht="13.5">
      <c r="B297" s="40"/>
      <c r="C297" s="40"/>
      <c r="D297" s="40"/>
      <c r="E297" s="40"/>
      <c r="F297" s="40"/>
      <c r="G297" s="40"/>
      <c r="H297" s="40"/>
      <c r="L297" s="40"/>
      <c r="M297" s="40"/>
      <c r="N297" s="40"/>
      <c r="O297" s="40"/>
      <c r="P297" s="40"/>
      <c r="Q297" s="40"/>
      <c r="R297" s="40"/>
      <c r="S297" s="40"/>
    </row>
    <row r="298" spans="2:19" ht="13.5">
      <c r="B298" s="40"/>
      <c r="C298" s="40"/>
      <c r="D298" s="40"/>
      <c r="E298" s="40"/>
      <c r="F298" s="40"/>
      <c r="G298" s="40"/>
      <c r="H298" s="40"/>
      <c r="L298" s="40"/>
      <c r="M298" s="40"/>
      <c r="N298" s="40"/>
      <c r="O298" s="40"/>
      <c r="P298" s="40"/>
      <c r="Q298" s="40"/>
      <c r="R298" s="40"/>
      <c r="S298" s="40"/>
    </row>
    <row r="299" spans="2:19" ht="13.5">
      <c r="B299" s="40"/>
      <c r="C299" s="40"/>
      <c r="D299" s="40"/>
      <c r="E299" s="40"/>
      <c r="F299" s="40"/>
      <c r="G299" s="40"/>
      <c r="H299" s="40"/>
      <c r="L299" s="40"/>
      <c r="M299" s="40"/>
      <c r="N299" s="40"/>
      <c r="O299" s="40"/>
      <c r="P299" s="40"/>
      <c r="Q299" s="40"/>
      <c r="R299" s="40"/>
      <c r="S299" s="40"/>
    </row>
    <row r="300" spans="2:19" ht="13.5">
      <c r="B300" s="40"/>
      <c r="C300" s="40"/>
      <c r="D300" s="40"/>
      <c r="E300" s="40"/>
      <c r="F300" s="40"/>
      <c r="G300" s="40"/>
      <c r="H300" s="40"/>
      <c r="L300" s="40"/>
      <c r="M300" s="40"/>
      <c r="N300" s="40"/>
      <c r="O300" s="40"/>
      <c r="P300" s="40"/>
      <c r="Q300" s="40"/>
      <c r="R300" s="40"/>
      <c r="S300" s="40"/>
    </row>
    <row r="301" spans="2:19" ht="13.5">
      <c r="B301" s="40"/>
      <c r="C301" s="40"/>
      <c r="D301" s="40"/>
      <c r="E301" s="40"/>
      <c r="F301" s="40"/>
      <c r="G301" s="40"/>
      <c r="H301" s="40"/>
      <c r="L301" s="40"/>
      <c r="M301" s="40"/>
      <c r="N301" s="40"/>
      <c r="O301" s="40"/>
      <c r="P301" s="40"/>
      <c r="Q301" s="40"/>
      <c r="R301" s="40"/>
      <c r="S301" s="40"/>
    </row>
    <row r="302" spans="2:19" ht="13.5">
      <c r="B302" s="40"/>
      <c r="C302" s="40"/>
      <c r="D302" s="40"/>
      <c r="E302" s="40"/>
      <c r="F302" s="40"/>
      <c r="G302" s="40"/>
      <c r="H302" s="40"/>
      <c r="L302" s="40"/>
      <c r="M302" s="40"/>
      <c r="N302" s="40"/>
      <c r="O302" s="40"/>
      <c r="P302" s="40"/>
      <c r="Q302" s="40"/>
      <c r="R302" s="40"/>
      <c r="S302" s="40"/>
    </row>
    <row r="303" spans="2:19" ht="13.5">
      <c r="B303" s="40"/>
      <c r="C303" s="40"/>
      <c r="D303" s="40"/>
      <c r="E303" s="40"/>
      <c r="F303" s="40"/>
      <c r="G303" s="40"/>
      <c r="H303" s="40"/>
      <c r="L303" s="40"/>
      <c r="M303" s="40"/>
      <c r="N303" s="40"/>
      <c r="O303" s="40"/>
      <c r="P303" s="40"/>
      <c r="Q303" s="40"/>
      <c r="R303" s="40"/>
      <c r="S303" s="40"/>
    </row>
    <row r="304" spans="2:19" ht="13.5">
      <c r="B304" s="40"/>
      <c r="C304" s="40"/>
      <c r="D304" s="40"/>
      <c r="E304" s="40"/>
      <c r="F304" s="40"/>
      <c r="G304" s="40"/>
      <c r="H304" s="40"/>
      <c r="L304" s="40"/>
      <c r="M304" s="40"/>
      <c r="N304" s="40"/>
      <c r="O304" s="40"/>
      <c r="P304" s="40"/>
      <c r="Q304" s="40"/>
      <c r="R304" s="40"/>
      <c r="S304" s="40"/>
    </row>
    <row r="305" spans="2:19" ht="13.5">
      <c r="B305" s="40"/>
      <c r="C305" s="40"/>
      <c r="D305" s="40"/>
      <c r="E305" s="40"/>
      <c r="F305" s="40"/>
      <c r="G305" s="40"/>
      <c r="H305" s="40"/>
      <c r="L305" s="40"/>
      <c r="M305" s="40"/>
      <c r="N305" s="40"/>
      <c r="O305" s="40"/>
      <c r="P305" s="40"/>
      <c r="Q305" s="40"/>
      <c r="R305" s="40"/>
      <c r="S305" s="40"/>
    </row>
    <row r="306" spans="2:19" ht="13.5">
      <c r="B306" s="40"/>
      <c r="C306" s="40"/>
      <c r="D306" s="40"/>
      <c r="E306" s="40"/>
      <c r="F306" s="40"/>
      <c r="G306" s="40"/>
      <c r="H306" s="40"/>
      <c r="L306" s="40"/>
      <c r="M306" s="40"/>
      <c r="N306" s="40"/>
      <c r="O306" s="40"/>
      <c r="P306" s="40"/>
      <c r="Q306" s="40"/>
      <c r="R306" s="40"/>
      <c r="S306" s="40"/>
    </row>
    <row r="307" spans="2:19" ht="13.5">
      <c r="B307" s="40"/>
      <c r="C307" s="40"/>
      <c r="D307" s="40"/>
      <c r="E307" s="40"/>
      <c r="F307" s="40"/>
      <c r="G307" s="40"/>
      <c r="H307" s="40"/>
      <c r="L307" s="40"/>
      <c r="M307" s="40"/>
      <c r="N307" s="40"/>
      <c r="O307" s="40"/>
      <c r="P307" s="40"/>
      <c r="Q307" s="40"/>
      <c r="R307" s="40"/>
      <c r="S307" s="40"/>
    </row>
    <row r="308" spans="2:19" ht="13.5">
      <c r="B308" s="40"/>
      <c r="C308" s="40"/>
      <c r="D308" s="40"/>
      <c r="E308" s="40"/>
      <c r="F308" s="40"/>
      <c r="G308" s="40"/>
      <c r="H308" s="40"/>
      <c r="L308" s="40"/>
      <c r="M308" s="40"/>
      <c r="N308" s="40"/>
      <c r="O308" s="40"/>
      <c r="P308" s="40"/>
      <c r="Q308" s="40"/>
      <c r="R308" s="40"/>
      <c r="S308" s="40"/>
    </row>
    <row r="309" spans="2:19" ht="13.5">
      <c r="B309" s="40"/>
      <c r="C309" s="40"/>
      <c r="D309" s="40"/>
      <c r="E309" s="40"/>
      <c r="F309" s="40"/>
      <c r="G309" s="40"/>
      <c r="H309" s="40"/>
      <c r="L309" s="40"/>
      <c r="M309" s="40"/>
      <c r="N309" s="40"/>
      <c r="O309" s="40"/>
      <c r="P309" s="40"/>
      <c r="Q309" s="40"/>
      <c r="R309" s="40"/>
      <c r="S309" s="40"/>
    </row>
    <row r="310" spans="2:19" ht="13.5">
      <c r="B310" s="40"/>
      <c r="C310" s="40"/>
      <c r="D310" s="40"/>
      <c r="E310" s="40"/>
      <c r="F310" s="40"/>
      <c r="G310" s="40"/>
      <c r="H310" s="40"/>
      <c r="L310" s="40"/>
      <c r="M310" s="40"/>
      <c r="N310" s="40"/>
      <c r="O310" s="40"/>
      <c r="P310" s="40"/>
      <c r="Q310" s="40"/>
      <c r="R310" s="40"/>
      <c r="S310" s="40"/>
    </row>
    <row r="311" spans="2:19" ht="13.5">
      <c r="B311" s="40"/>
      <c r="C311" s="40"/>
      <c r="D311" s="40"/>
      <c r="E311" s="40"/>
      <c r="F311" s="40"/>
      <c r="G311" s="40"/>
      <c r="H311" s="40"/>
      <c r="L311" s="40"/>
      <c r="M311" s="40"/>
      <c r="N311" s="40"/>
      <c r="O311" s="40"/>
      <c r="P311" s="40"/>
      <c r="Q311" s="40"/>
      <c r="R311" s="40"/>
      <c r="S311" s="40"/>
    </row>
    <row r="312" spans="2:19" ht="13.5">
      <c r="B312" s="40"/>
      <c r="C312" s="40"/>
      <c r="D312" s="40"/>
      <c r="E312" s="40"/>
      <c r="F312" s="40"/>
      <c r="G312" s="40"/>
      <c r="H312" s="40"/>
      <c r="L312" s="40"/>
      <c r="M312" s="40"/>
      <c r="N312" s="40"/>
      <c r="O312" s="40"/>
      <c r="P312" s="40"/>
      <c r="Q312" s="40"/>
      <c r="R312" s="40"/>
      <c r="S312" s="40"/>
    </row>
    <row r="313" spans="2:19" ht="13.5">
      <c r="B313" s="40"/>
      <c r="C313" s="40"/>
      <c r="D313" s="40"/>
      <c r="E313" s="40"/>
      <c r="F313" s="40"/>
      <c r="G313" s="40"/>
      <c r="H313" s="40"/>
      <c r="L313" s="40"/>
      <c r="M313" s="40"/>
      <c r="N313" s="40"/>
      <c r="O313" s="40"/>
      <c r="P313" s="40"/>
      <c r="Q313" s="40"/>
      <c r="R313" s="40"/>
      <c r="S313" s="40"/>
    </row>
    <row r="314" spans="2:19" ht="13.5">
      <c r="B314" s="40"/>
      <c r="C314" s="40"/>
      <c r="D314" s="40"/>
      <c r="E314" s="40"/>
      <c r="F314" s="40"/>
      <c r="G314" s="40"/>
      <c r="H314" s="40"/>
      <c r="L314" s="40"/>
      <c r="M314" s="40"/>
      <c r="N314" s="40"/>
      <c r="O314" s="40"/>
      <c r="P314" s="40"/>
      <c r="Q314" s="40"/>
      <c r="R314" s="40"/>
      <c r="S314" s="40"/>
    </row>
    <row r="315" spans="2:19" ht="13.5">
      <c r="B315" s="40"/>
      <c r="C315" s="40"/>
      <c r="D315" s="40"/>
      <c r="E315" s="40"/>
      <c r="F315" s="40"/>
      <c r="G315" s="40"/>
      <c r="H315" s="40"/>
      <c r="L315" s="40"/>
      <c r="M315" s="40"/>
      <c r="N315" s="40"/>
      <c r="O315" s="40"/>
      <c r="P315" s="40"/>
      <c r="Q315" s="40"/>
      <c r="R315" s="40"/>
      <c r="S315" s="40"/>
    </row>
    <row r="316" spans="2:19" ht="13.5">
      <c r="B316" s="40"/>
      <c r="C316" s="40"/>
      <c r="D316" s="40"/>
      <c r="E316" s="40"/>
      <c r="F316" s="40"/>
      <c r="G316" s="40"/>
      <c r="H316" s="40"/>
      <c r="L316" s="40"/>
      <c r="M316" s="40"/>
      <c r="N316" s="40"/>
      <c r="O316" s="40"/>
      <c r="P316" s="40"/>
      <c r="Q316" s="40"/>
      <c r="R316" s="40"/>
      <c r="S316" s="40"/>
    </row>
    <row r="317" spans="2:19" ht="13.5">
      <c r="B317" s="40"/>
      <c r="C317" s="40"/>
      <c r="D317" s="40"/>
      <c r="E317" s="40"/>
      <c r="F317" s="40"/>
      <c r="G317" s="40"/>
      <c r="H317" s="40"/>
      <c r="L317" s="40"/>
      <c r="M317" s="40"/>
      <c r="N317" s="40"/>
      <c r="O317" s="40"/>
      <c r="P317" s="40"/>
      <c r="Q317" s="40"/>
      <c r="R317" s="40"/>
      <c r="S317" s="40"/>
    </row>
    <row r="318" spans="2:19" ht="13.5">
      <c r="B318" s="40"/>
      <c r="C318" s="40"/>
      <c r="D318" s="40"/>
      <c r="E318" s="40"/>
      <c r="F318" s="40"/>
      <c r="G318" s="40"/>
      <c r="H318" s="40"/>
      <c r="L318" s="40"/>
      <c r="M318" s="40"/>
      <c r="N318" s="40"/>
      <c r="O318" s="40"/>
      <c r="P318" s="40"/>
      <c r="Q318" s="40"/>
      <c r="R318" s="40"/>
      <c r="S318" s="40"/>
    </row>
    <row r="319" spans="2:19" ht="13.5">
      <c r="B319" s="40"/>
      <c r="C319" s="40"/>
      <c r="D319" s="40"/>
      <c r="E319" s="40"/>
      <c r="F319" s="40"/>
      <c r="G319" s="40"/>
      <c r="H319" s="40"/>
      <c r="L319" s="40"/>
      <c r="M319" s="40"/>
      <c r="N319" s="40"/>
      <c r="O319" s="40"/>
      <c r="P319" s="40"/>
      <c r="Q319" s="40"/>
      <c r="R319" s="40"/>
      <c r="S319" s="40"/>
    </row>
    <row r="320" spans="2:19" ht="13.5">
      <c r="B320" s="40"/>
      <c r="C320" s="40"/>
      <c r="D320" s="40"/>
      <c r="E320" s="40"/>
      <c r="F320" s="40"/>
      <c r="G320" s="40"/>
      <c r="H320" s="40"/>
      <c r="L320" s="40"/>
      <c r="M320" s="40"/>
      <c r="N320" s="40"/>
      <c r="O320" s="40"/>
      <c r="P320" s="40"/>
      <c r="Q320" s="40"/>
      <c r="R320" s="40"/>
      <c r="S320" s="40"/>
    </row>
    <row r="321" spans="2:19" ht="13.5">
      <c r="B321" s="40"/>
      <c r="C321" s="40"/>
      <c r="D321" s="40"/>
      <c r="E321" s="40"/>
      <c r="F321" s="40"/>
      <c r="G321" s="40"/>
      <c r="H321" s="40"/>
      <c r="L321" s="40"/>
      <c r="M321" s="40"/>
      <c r="N321" s="40"/>
      <c r="O321" s="40"/>
      <c r="P321" s="40"/>
      <c r="Q321" s="40"/>
      <c r="R321" s="40"/>
      <c r="S321" s="40"/>
    </row>
    <row r="322" spans="2:19" ht="13.5">
      <c r="B322" s="40"/>
      <c r="C322" s="40"/>
      <c r="D322" s="40"/>
      <c r="E322" s="40"/>
      <c r="F322" s="40"/>
      <c r="G322" s="40"/>
      <c r="H322" s="40"/>
      <c r="L322" s="40"/>
      <c r="M322" s="40"/>
      <c r="N322" s="40"/>
      <c r="O322" s="40"/>
      <c r="P322" s="40"/>
      <c r="Q322" s="40"/>
      <c r="R322" s="40"/>
      <c r="S322" s="40"/>
    </row>
    <row r="323" spans="2:19" ht="13.5">
      <c r="B323" s="40"/>
      <c r="C323" s="40"/>
      <c r="D323" s="40"/>
      <c r="E323" s="40"/>
      <c r="F323" s="40"/>
      <c r="G323" s="40"/>
      <c r="H323" s="40"/>
      <c r="L323" s="40"/>
      <c r="M323" s="40"/>
      <c r="N323" s="40"/>
      <c r="O323" s="40"/>
      <c r="P323" s="40"/>
      <c r="Q323" s="40"/>
      <c r="R323" s="40"/>
      <c r="S323" s="40"/>
    </row>
    <row r="324" spans="2:19" ht="13.5">
      <c r="B324" s="40"/>
      <c r="C324" s="40"/>
      <c r="D324" s="40"/>
      <c r="E324" s="40"/>
      <c r="F324" s="40"/>
      <c r="G324" s="40"/>
      <c r="H324" s="40"/>
      <c r="L324" s="40"/>
      <c r="M324" s="40"/>
      <c r="N324" s="40"/>
      <c r="O324" s="40"/>
      <c r="P324" s="40"/>
      <c r="Q324" s="40"/>
      <c r="R324" s="40"/>
      <c r="S324" s="40"/>
    </row>
    <row r="325" spans="2:19" ht="13.5">
      <c r="B325" s="40"/>
      <c r="C325" s="40"/>
      <c r="D325" s="40"/>
      <c r="E325" s="40"/>
      <c r="F325" s="40"/>
      <c r="G325" s="40"/>
      <c r="H325" s="40"/>
      <c r="L325" s="40"/>
      <c r="M325" s="40"/>
      <c r="N325" s="40"/>
      <c r="O325" s="40"/>
      <c r="P325" s="40"/>
      <c r="Q325" s="40"/>
      <c r="R325" s="40"/>
      <c r="S325" s="40"/>
    </row>
    <row r="326" spans="2:19" ht="13.5">
      <c r="B326" s="40"/>
      <c r="C326" s="40"/>
      <c r="D326" s="40"/>
      <c r="E326" s="40"/>
      <c r="F326" s="40"/>
      <c r="G326" s="40"/>
      <c r="H326" s="40"/>
      <c r="L326" s="40"/>
      <c r="M326" s="40"/>
      <c r="N326" s="40"/>
      <c r="O326" s="40"/>
      <c r="P326" s="40"/>
      <c r="Q326" s="40"/>
      <c r="R326" s="40"/>
      <c r="S326" s="40"/>
    </row>
    <row r="327" spans="2:19" ht="13.5">
      <c r="B327" s="40"/>
      <c r="C327" s="40"/>
      <c r="D327" s="40"/>
      <c r="E327" s="40"/>
      <c r="F327" s="40"/>
      <c r="G327" s="40"/>
      <c r="H327" s="40"/>
      <c r="L327" s="40"/>
      <c r="M327" s="40"/>
      <c r="N327" s="40"/>
      <c r="O327" s="40"/>
      <c r="P327" s="40"/>
      <c r="Q327" s="40"/>
      <c r="R327" s="40"/>
      <c r="S327" s="40"/>
    </row>
    <row r="328" spans="2:19" ht="13.5">
      <c r="B328" s="40"/>
      <c r="C328" s="40"/>
      <c r="D328" s="40"/>
      <c r="E328" s="40"/>
      <c r="F328" s="40"/>
      <c r="G328" s="40"/>
      <c r="H328" s="40"/>
      <c r="L328" s="40"/>
      <c r="M328" s="40"/>
      <c r="N328" s="40"/>
      <c r="O328" s="40"/>
      <c r="P328" s="40"/>
      <c r="Q328" s="40"/>
      <c r="R328" s="40"/>
      <c r="S328" s="40"/>
    </row>
    <row r="329" spans="2:19" ht="13.5">
      <c r="B329" s="40"/>
      <c r="C329" s="40"/>
      <c r="D329" s="40"/>
      <c r="E329" s="40"/>
      <c r="F329" s="40"/>
      <c r="G329" s="40"/>
      <c r="H329" s="40"/>
      <c r="L329" s="40"/>
      <c r="M329" s="40"/>
      <c r="N329" s="40"/>
      <c r="O329" s="40"/>
      <c r="P329" s="40"/>
      <c r="Q329" s="40"/>
      <c r="R329" s="40"/>
      <c r="S329" s="40"/>
    </row>
    <row r="330" spans="2:19" ht="13.5">
      <c r="B330" s="40"/>
      <c r="C330" s="40"/>
      <c r="D330" s="40"/>
      <c r="E330" s="40"/>
      <c r="F330" s="40"/>
      <c r="G330" s="40"/>
      <c r="H330" s="40"/>
      <c r="L330" s="40"/>
      <c r="M330" s="40"/>
      <c r="N330" s="40"/>
      <c r="O330" s="40"/>
      <c r="P330" s="40"/>
      <c r="Q330" s="40"/>
      <c r="R330" s="40"/>
      <c r="S330" s="40"/>
    </row>
    <row r="331" spans="2:19" ht="13.5">
      <c r="B331" s="40"/>
      <c r="C331" s="40"/>
      <c r="D331" s="40"/>
      <c r="E331" s="40"/>
      <c r="F331" s="40"/>
      <c r="G331" s="40"/>
      <c r="H331" s="40"/>
      <c r="L331" s="40"/>
      <c r="M331" s="40"/>
      <c r="N331" s="40"/>
      <c r="O331" s="40"/>
      <c r="P331" s="40"/>
      <c r="Q331" s="40"/>
      <c r="R331" s="40"/>
      <c r="S331" s="40"/>
    </row>
    <row r="332" spans="2:19" ht="13.5">
      <c r="B332" s="40"/>
      <c r="C332" s="40"/>
      <c r="D332" s="40"/>
      <c r="E332" s="40"/>
      <c r="F332" s="40"/>
      <c r="G332" s="40"/>
      <c r="H332" s="40"/>
      <c r="L332" s="40"/>
      <c r="M332" s="40"/>
      <c r="N332" s="40"/>
      <c r="O332" s="40"/>
      <c r="P332" s="40"/>
      <c r="Q332" s="40"/>
      <c r="R332" s="40"/>
      <c r="S332" s="40"/>
    </row>
    <row r="333" spans="2:19" ht="13.5">
      <c r="B333" s="40"/>
      <c r="C333" s="40"/>
      <c r="D333" s="40"/>
      <c r="E333" s="40"/>
      <c r="F333" s="40"/>
      <c r="G333" s="40"/>
      <c r="H333" s="40"/>
      <c r="L333" s="40"/>
      <c r="M333" s="40"/>
      <c r="N333" s="40"/>
      <c r="O333" s="40"/>
      <c r="P333" s="40"/>
      <c r="Q333" s="40"/>
      <c r="R333" s="40"/>
      <c r="S333" s="40"/>
    </row>
    <row r="334" spans="2:19" ht="13.5">
      <c r="B334" s="40"/>
      <c r="C334" s="40"/>
      <c r="D334" s="40"/>
      <c r="E334" s="40"/>
      <c r="F334" s="40"/>
      <c r="G334" s="40"/>
      <c r="H334" s="40"/>
      <c r="L334" s="40"/>
      <c r="M334" s="40"/>
      <c r="N334" s="40"/>
      <c r="O334" s="40"/>
      <c r="P334" s="40"/>
      <c r="Q334" s="40"/>
      <c r="R334" s="40"/>
      <c r="S334" s="40"/>
    </row>
    <row r="335" spans="2:19" ht="13.5">
      <c r="B335" s="40"/>
      <c r="C335" s="40"/>
      <c r="D335" s="40"/>
      <c r="E335" s="40"/>
      <c r="F335" s="40"/>
      <c r="G335" s="40"/>
      <c r="H335" s="40"/>
      <c r="L335" s="40"/>
      <c r="M335" s="40"/>
      <c r="N335" s="40"/>
      <c r="O335" s="40"/>
      <c r="P335" s="40"/>
      <c r="Q335" s="40"/>
      <c r="R335" s="40"/>
      <c r="S335" s="40"/>
    </row>
    <row r="336" spans="2:19" ht="13.5">
      <c r="B336" s="40"/>
      <c r="C336" s="40"/>
      <c r="D336" s="40"/>
      <c r="E336" s="40"/>
      <c r="F336" s="40"/>
      <c r="G336" s="40"/>
      <c r="H336" s="40"/>
      <c r="L336" s="40"/>
      <c r="M336" s="40"/>
      <c r="N336" s="40"/>
      <c r="O336" s="40"/>
      <c r="P336" s="40"/>
      <c r="Q336" s="40"/>
      <c r="R336" s="40"/>
      <c r="S336" s="40"/>
    </row>
    <row r="337" spans="2:19" ht="13.5">
      <c r="B337" s="40"/>
      <c r="C337" s="40"/>
      <c r="D337" s="40"/>
      <c r="E337" s="40"/>
      <c r="F337" s="40"/>
      <c r="G337" s="40"/>
      <c r="H337" s="40"/>
      <c r="L337" s="40"/>
      <c r="M337" s="40"/>
      <c r="N337" s="40"/>
      <c r="O337" s="40"/>
      <c r="P337" s="40"/>
      <c r="Q337" s="40"/>
      <c r="R337" s="40"/>
      <c r="S337" s="40"/>
    </row>
    <row r="338" spans="2:19" ht="13.5">
      <c r="B338" s="40"/>
      <c r="C338" s="40"/>
      <c r="D338" s="40"/>
      <c r="E338" s="40"/>
      <c r="F338" s="40"/>
      <c r="G338" s="40"/>
      <c r="H338" s="40"/>
      <c r="L338" s="40"/>
      <c r="M338" s="40"/>
      <c r="N338" s="40"/>
      <c r="O338" s="40"/>
      <c r="P338" s="40"/>
      <c r="Q338" s="40"/>
      <c r="R338" s="40"/>
      <c r="S338" s="40"/>
    </row>
    <row r="339" spans="2:19" ht="13.5">
      <c r="B339" s="40"/>
      <c r="C339" s="40"/>
      <c r="D339" s="40"/>
      <c r="E339" s="40"/>
      <c r="F339" s="40"/>
      <c r="G339" s="40"/>
      <c r="H339" s="40"/>
      <c r="L339" s="40"/>
      <c r="M339" s="40"/>
      <c r="N339" s="40"/>
      <c r="O339" s="40"/>
      <c r="P339" s="40"/>
      <c r="Q339" s="40"/>
      <c r="R339" s="40"/>
      <c r="S339" s="40"/>
    </row>
    <row r="340" spans="2:19" ht="13.5">
      <c r="B340" s="40"/>
      <c r="C340" s="40"/>
      <c r="D340" s="40"/>
      <c r="E340" s="40"/>
      <c r="F340" s="40"/>
      <c r="G340" s="40"/>
      <c r="H340" s="40"/>
      <c r="L340" s="40"/>
      <c r="M340" s="40"/>
      <c r="N340" s="40"/>
      <c r="O340" s="40"/>
      <c r="P340" s="40"/>
      <c r="Q340" s="40"/>
      <c r="R340" s="40"/>
      <c r="S340" s="40"/>
    </row>
    <row r="341" spans="2:19" ht="13.5">
      <c r="B341" s="40"/>
      <c r="C341" s="40"/>
      <c r="D341" s="40"/>
      <c r="E341" s="40"/>
      <c r="F341" s="40"/>
      <c r="G341" s="40"/>
      <c r="H341" s="40"/>
      <c r="L341" s="40"/>
      <c r="M341" s="40"/>
      <c r="N341" s="40"/>
      <c r="O341" s="40"/>
      <c r="P341" s="40"/>
      <c r="Q341" s="40"/>
      <c r="R341" s="40"/>
      <c r="S341" s="40"/>
    </row>
    <row r="342" spans="2:19" ht="13.5">
      <c r="B342" s="40"/>
      <c r="C342" s="40"/>
      <c r="D342" s="40"/>
      <c r="E342" s="40"/>
      <c r="F342" s="40"/>
      <c r="G342" s="40"/>
      <c r="H342" s="40"/>
      <c r="L342" s="40"/>
      <c r="M342" s="40"/>
      <c r="N342" s="40"/>
      <c r="O342" s="40"/>
      <c r="P342" s="40"/>
      <c r="Q342" s="40"/>
      <c r="R342" s="40"/>
      <c r="S342" s="40"/>
    </row>
    <row r="343" spans="2:19" ht="13.5">
      <c r="B343" s="40"/>
      <c r="C343" s="40"/>
      <c r="D343" s="40"/>
      <c r="E343" s="40"/>
      <c r="F343" s="40"/>
      <c r="G343" s="40"/>
      <c r="H343" s="40"/>
      <c r="L343" s="40"/>
      <c r="M343" s="40"/>
      <c r="N343" s="40"/>
      <c r="O343" s="40"/>
      <c r="P343" s="40"/>
      <c r="Q343" s="40"/>
      <c r="R343" s="40"/>
      <c r="S343" s="40"/>
    </row>
    <row r="344" spans="2:19" ht="13.5">
      <c r="B344" s="40"/>
      <c r="C344" s="40"/>
      <c r="D344" s="40"/>
      <c r="E344" s="40"/>
      <c r="F344" s="40"/>
      <c r="G344" s="40"/>
      <c r="H344" s="40"/>
      <c r="L344" s="40"/>
      <c r="M344" s="40"/>
      <c r="N344" s="40"/>
      <c r="O344" s="40"/>
      <c r="P344" s="40"/>
      <c r="Q344" s="40"/>
      <c r="R344" s="40"/>
      <c r="S344" s="40"/>
    </row>
    <row r="345" spans="2:19" ht="13.5">
      <c r="B345" s="40"/>
      <c r="C345" s="40"/>
      <c r="D345" s="40"/>
      <c r="E345" s="40"/>
      <c r="F345" s="40"/>
      <c r="G345" s="40"/>
      <c r="H345" s="40"/>
      <c r="L345" s="40"/>
      <c r="M345" s="40"/>
      <c r="N345" s="40"/>
      <c r="O345" s="40"/>
      <c r="P345" s="40"/>
      <c r="Q345" s="40"/>
      <c r="R345" s="40"/>
      <c r="S345" s="40"/>
    </row>
    <row r="346" spans="2:19" ht="13.5">
      <c r="B346" s="40"/>
      <c r="C346" s="40"/>
      <c r="D346" s="40"/>
      <c r="E346" s="40"/>
      <c r="F346" s="40"/>
      <c r="G346" s="40"/>
      <c r="H346" s="40"/>
      <c r="L346" s="40"/>
      <c r="M346" s="40"/>
      <c r="N346" s="40"/>
      <c r="O346" s="40"/>
      <c r="P346" s="40"/>
      <c r="Q346" s="40"/>
      <c r="R346" s="40"/>
      <c r="S346" s="40"/>
    </row>
    <row r="347" spans="2:19" ht="13.5">
      <c r="B347" s="40"/>
      <c r="C347" s="40"/>
      <c r="D347" s="40"/>
      <c r="E347" s="40"/>
      <c r="F347" s="40"/>
      <c r="G347" s="40"/>
      <c r="H347" s="40"/>
      <c r="L347" s="40"/>
      <c r="M347" s="40"/>
      <c r="N347" s="40"/>
      <c r="O347" s="40"/>
      <c r="P347" s="40"/>
      <c r="Q347" s="40"/>
      <c r="R347" s="40"/>
      <c r="S347" s="40"/>
    </row>
    <row r="348" spans="2:19" ht="13.5">
      <c r="B348" s="40"/>
      <c r="C348" s="40"/>
      <c r="D348" s="40"/>
      <c r="E348" s="40"/>
      <c r="F348" s="40"/>
      <c r="G348" s="40"/>
      <c r="H348" s="40"/>
      <c r="L348" s="40"/>
      <c r="M348" s="40"/>
      <c r="N348" s="40"/>
      <c r="O348" s="40"/>
      <c r="P348" s="40"/>
      <c r="Q348" s="40"/>
      <c r="R348" s="40"/>
      <c r="S348" s="40"/>
    </row>
    <row r="349" spans="2:19" ht="13.5">
      <c r="B349" s="40"/>
      <c r="C349" s="40"/>
      <c r="D349" s="40"/>
      <c r="E349" s="40"/>
      <c r="F349" s="40"/>
      <c r="G349" s="40"/>
      <c r="H349" s="40"/>
      <c r="L349" s="40"/>
      <c r="M349" s="40"/>
      <c r="N349" s="40"/>
      <c r="O349" s="40"/>
      <c r="P349" s="40"/>
      <c r="Q349" s="40"/>
      <c r="R349" s="40"/>
      <c r="S349" s="40"/>
    </row>
    <row r="350" spans="2:19" ht="13.5">
      <c r="B350" s="40"/>
      <c r="C350" s="40"/>
      <c r="D350" s="40"/>
      <c r="E350" s="40"/>
      <c r="F350" s="40"/>
      <c r="G350" s="40"/>
      <c r="H350" s="40"/>
      <c r="L350" s="40"/>
      <c r="M350" s="40"/>
      <c r="N350" s="40"/>
      <c r="O350" s="40"/>
      <c r="P350" s="40"/>
      <c r="Q350" s="40"/>
      <c r="R350" s="40"/>
      <c r="S350" s="40"/>
    </row>
    <row r="351" spans="2:19" ht="13.5">
      <c r="B351" s="40"/>
      <c r="C351" s="40"/>
      <c r="D351" s="40"/>
      <c r="E351" s="40"/>
      <c r="F351" s="40"/>
      <c r="G351" s="40"/>
      <c r="H351" s="40"/>
      <c r="L351" s="40"/>
      <c r="M351" s="40"/>
      <c r="N351" s="40"/>
      <c r="O351" s="40"/>
      <c r="P351" s="40"/>
      <c r="Q351" s="40"/>
      <c r="R351" s="40"/>
      <c r="S351" s="40"/>
    </row>
    <row r="352" spans="2:19" ht="13.5">
      <c r="B352" s="40"/>
      <c r="C352" s="40"/>
      <c r="D352" s="40"/>
      <c r="E352" s="40"/>
      <c r="F352" s="40"/>
      <c r="G352" s="40"/>
      <c r="H352" s="40"/>
      <c r="L352" s="40"/>
      <c r="M352" s="40"/>
      <c r="N352" s="40"/>
      <c r="O352" s="40"/>
      <c r="P352" s="40"/>
      <c r="Q352" s="40"/>
      <c r="R352" s="40"/>
      <c r="S352" s="40"/>
    </row>
    <row r="353" spans="2:19" ht="13.5">
      <c r="B353" s="40"/>
      <c r="C353" s="40"/>
      <c r="D353" s="40"/>
      <c r="E353" s="40"/>
      <c r="F353" s="40"/>
      <c r="G353" s="40"/>
      <c r="H353" s="40"/>
      <c r="L353" s="40"/>
      <c r="M353" s="40"/>
      <c r="N353" s="40"/>
      <c r="O353" s="40"/>
      <c r="P353" s="40"/>
      <c r="Q353" s="40"/>
      <c r="R353" s="40"/>
      <c r="S353" s="40"/>
    </row>
    <row r="354" spans="2:19" ht="13.5">
      <c r="B354" s="40"/>
      <c r="C354" s="40"/>
      <c r="D354" s="40"/>
      <c r="E354" s="40"/>
      <c r="F354" s="40"/>
      <c r="G354" s="40"/>
      <c r="H354" s="40"/>
      <c r="L354" s="40"/>
      <c r="M354" s="40"/>
      <c r="N354" s="40"/>
      <c r="O354" s="40"/>
      <c r="P354" s="40"/>
      <c r="Q354" s="40"/>
      <c r="R354" s="40"/>
      <c r="S354" s="40"/>
    </row>
    <row r="355" spans="2:19" ht="13.5">
      <c r="B355" s="40"/>
      <c r="C355" s="40"/>
      <c r="D355" s="40"/>
      <c r="E355" s="40"/>
      <c r="F355" s="40"/>
      <c r="G355" s="40"/>
      <c r="H355" s="40"/>
      <c r="L355" s="40"/>
      <c r="M355" s="40"/>
      <c r="N355" s="40"/>
      <c r="O355" s="40"/>
      <c r="P355" s="40"/>
      <c r="Q355" s="40"/>
      <c r="R355" s="40"/>
      <c r="S355" s="40"/>
    </row>
    <row r="356" spans="2:19" ht="13.5">
      <c r="B356" s="40"/>
      <c r="C356" s="40"/>
      <c r="D356" s="40"/>
      <c r="E356" s="40"/>
      <c r="F356" s="40"/>
      <c r="G356" s="40"/>
      <c r="H356" s="40"/>
      <c r="L356" s="40"/>
      <c r="M356" s="40"/>
      <c r="N356" s="40"/>
      <c r="O356" s="40"/>
      <c r="P356" s="40"/>
      <c r="Q356" s="40"/>
      <c r="R356" s="40"/>
      <c r="S356" s="40"/>
    </row>
    <row r="357" spans="2:19" ht="13.5">
      <c r="B357" s="40"/>
      <c r="C357" s="40"/>
      <c r="D357" s="40"/>
      <c r="E357" s="40"/>
      <c r="F357" s="40"/>
      <c r="G357" s="40"/>
      <c r="H357" s="40"/>
      <c r="L357" s="40"/>
      <c r="M357" s="40"/>
      <c r="N357" s="40"/>
      <c r="O357" s="40"/>
      <c r="P357" s="40"/>
      <c r="Q357" s="40"/>
      <c r="R357" s="40"/>
      <c r="S357" s="40"/>
    </row>
    <row r="358" spans="2:19" ht="13.5">
      <c r="B358" s="40"/>
      <c r="C358" s="40"/>
      <c r="D358" s="40"/>
      <c r="E358" s="40"/>
      <c r="F358" s="40"/>
      <c r="G358" s="40"/>
      <c r="H358" s="40"/>
      <c r="L358" s="40"/>
      <c r="M358" s="40"/>
      <c r="N358" s="40"/>
      <c r="O358" s="40"/>
      <c r="P358" s="40"/>
      <c r="Q358" s="40"/>
      <c r="R358" s="40"/>
      <c r="S358" s="40"/>
    </row>
    <row r="359" spans="2:19" ht="13.5">
      <c r="B359" s="40"/>
      <c r="C359" s="40"/>
      <c r="D359" s="40"/>
      <c r="E359" s="40"/>
      <c r="F359" s="40"/>
      <c r="G359" s="40"/>
      <c r="H359" s="40"/>
      <c r="L359" s="40"/>
      <c r="M359" s="40"/>
      <c r="N359" s="40"/>
      <c r="O359" s="40"/>
      <c r="P359" s="40"/>
      <c r="Q359" s="40"/>
      <c r="R359" s="40"/>
      <c r="S359" s="40"/>
    </row>
    <row r="360" spans="2:19" ht="13.5">
      <c r="B360" s="40"/>
      <c r="C360" s="40"/>
      <c r="D360" s="40"/>
      <c r="E360" s="40"/>
      <c r="F360" s="40"/>
      <c r="G360" s="40"/>
      <c r="H360" s="40"/>
      <c r="L360" s="40"/>
      <c r="M360" s="40"/>
      <c r="N360" s="40"/>
      <c r="O360" s="40"/>
      <c r="P360" s="40"/>
      <c r="Q360" s="40"/>
      <c r="R360" s="40"/>
      <c r="S360" s="40"/>
    </row>
    <row r="361" spans="2:19" ht="13.5">
      <c r="B361" s="40"/>
      <c r="C361" s="40"/>
      <c r="D361" s="40"/>
      <c r="E361" s="40"/>
      <c r="F361" s="40"/>
      <c r="G361" s="40"/>
      <c r="H361" s="40"/>
      <c r="L361" s="40"/>
      <c r="M361" s="40"/>
      <c r="N361" s="40"/>
      <c r="O361" s="40"/>
      <c r="P361" s="40"/>
      <c r="Q361" s="40"/>
      <c r="R361" s="40"/>
      <c r="S361" s="40"/>
    </row>
    <row r="362" spans="2:19" ht="13.5">
      <c r="B362" s="40"/>
      <c r="C362" s="40"/>
      <c r="D362" s="40"/>
      <c r="E362" s="40"/>
      <c r="F362" s="40"/>
      <c r="G362" s="40"/>
      <c r="H362" s="40"/>
      <c r="L362" s="40"/>
      <c r="M362" s="40"/>
      <c r="N362" s="40"/>
      <c r="O362" s="40"/>
      <c r="P362" s="40"/>
      <c r="Q362" s="40"/>
      <c r="R362" s="40"/>
      <c r="S362" s="40"/>
    </row>
    <row r="363" spans="2:19" ht="13.5">
      <c r="B363" s="40"/>
      <c r="C363" s="40"/>
      <c r="D363" s="40"/>
      <c r="E363" s="40"/>
      <c r="F363" s="40"/>
      <c r="G363" s="40"/>
      <c r="H363" s="40"/>
      <c r="L363" s="40"/>
      <c r="M363" s="40"/>
      <c r="N363" s="40"/>
      <c r="O363" s="40"/>
      <c r="P363" s="40"/>
      <c r="Q363" s="40"/>
      <c r="R363" s="40"/>
      <c r="S363" s="40"/>
    </row>
    <row r="364" spans="2:19" ht="13.5">
      <c r="B364" s="40"/>
      <c r="C364" s="40"/>
      <c r="D364" s="40"/>
      <c r="E364" s="40"/>
      <c r="F364" s="40"/>
      <c r="G364" s="40"/>
      <c r="H364" s="40"/>
      <c r="L364" s="40"/>
      <c r="M364" s="40"/>
      <c r="N364" s="40"/>
      <c r="O364" s="40"/>
      <c r="P364" s="40"/>
      <c r="Q364" s="40"/>
      <c r="R364" s="40"/>
      <c r="S364" s="40"/>
    </row>
    <row r="365" spans="2:19" ht="13.5">
      <c r="B365" s="40"/>
      <c r="C365" s="40"/>
      <c r="D365" s="40"/>
      <c r="E365" s="40"/>
      <c r="F365" s="40"/>
      <c r="G365" s="40"/>
      <c r="H365" s="40"/>
      <c r="L365" s="40"/>
      <c r="M365" s="40"/>
      <c r="N365" s="40"/>
      <c r="O365" s="40"/>
      <c r="P365" s="40"/>
      <c r="Q365" s="40"/>
      <c r="R365" s="40"/>
      <c r="S365" s="40"/>
    </row>
    <row r="366" spans="2:19" ht="13.5">
      <c r="B366" s="40"/>
      <c r="C366" s="40"/>
      <c r="D366" s="40"/>
      <c r="E366" s="40"/>
      <c r="F366" s="40"/>
      <c r="G366" s="40"/>
      <c r="H366" s="40"/>
      <c r="L366" s="40"/>
      <c r="M366" s="40"/>
      <c r="N366" s="40"/>
      <c r="O366" s="40"/>
      <c r="P366" s="40"/>
      <c r="Q366" s="40"/>
      <c r="R366" s="40"/>
      <c r="S366" s="40"/>
    </row>
    <row r="367" spans="2:19" ht="13.5">
      <c r="B367" s="40"/>
      <c r="C367" s="40"/>
      <c r="D367" s="40"/>
      <c r="E367" s="40"/>
      <c r="F367" s="40"/>
      <c r="G367" s="40"/>
      <c r="H367" s="40"/>
      <c r="L367" s="40"/>
      <c r="M367" s="40"/>
      <c r="N367" s="40"/>
      <c r="O367" s="40"/>
      <c r="P367" s="40"/>
      <c r="Q367" s="40"/>
      <c r="R367" s="40"/>
      <c r="S367" s="40"/>
    </row>
    <row r="368" spans="2:19" ht="13.5">
      <c r="B368" s="40"/>
      <c r="C368" s="40"/>
      <c r="D368" s="40"/>
      <c r="E368" s="40"/>
      <c r="F368" s="40"/>
      <c r="G368" s="40"/>
      <c r="H368" s="40"/>
      <c r="L368" s="40"/>
      <c r="M368" s="40"/>
      <c r="N368" s="40"/>
      <c r="O368" s="40"/>
      <c r="P368" s="40"/>
      <c r="Q368" s="40"/>
      <c r="R368" s="40"/>
      <c r="S368" s="40"/>
    </row>
    <row r="369" spans="2:19" ht="13.5">
      <c r="B369" s="40"/>
      <c r="C369" s="40"/>
      <c r="D369" s="40"/>
      <c r="E369" s="40"/>
      <c r="F369" s="40"/>
      <c r="G369" s="40"/>
      <c r="H369" s="40"/>
      <c r="L369" s="40"/>
      <c r="M369" s="40"/>
      <c r="N369" s="40"/>
      <c r="O369" s="40"/>
      <c r="P369" s="40"/>
      <c r="Q369" s="40"/>
      <c r="R369" s="40"/>
      <c r="S369" s="40"/>
    </row>
    <row r="370" spans="2:19" ht="13.5">
      <c r="B370" s="40"/>
      <c r="C370" s="40"/>
      <c r="D370" s="40"/>
      <c r="E370" s="40"/>
      <c r="F370" s="40"/>
      <c r="G370" s="40"/>
      <c r="H370" s="40"/>
      <c r="L370" s="40"/>
      <c r="M370" s="40"/>
      <c r="N370" s="40"/>
      <c r="O370" s="40"/>
      <c r="P370" s="40"/>
      <c r="Q370" s="40"/>
      <c r="R370" s="40"/>
      <c r="S370" s="40"/>
    </row>
    <row r="371" spans="2:19" ht="13.5">
      <c r="B371" s="40"/>
      <c r="C371" s="40"/>
      <c r="D371" s="40"/>
      <c r="E371" s="40"/>
      <c r="F371" s="40"/>
      <c r="G371" s="40"/>
      <c r="H371" s="40"/>
      <c r="L371" s="40"/>
      <c r="M371" s="40"/>
      <c r="N371" s="40"/>
      <c r="O371" s="40"/>
      <c r="P371" s="40"/>
      <c r="Q371" s="40"/>
      <c r="R371" s="40"/>
      <c r="S371" s="40"/>
    </row>
    <row r="372" spans="2:19" ht="13.5">
      <c r="B372" s="40"/>
      <c r="C372" s="40"/>
      <c r="D372" s="40"/>
      <c r="F372" s="40"/>
      <c r="G372" s="40"/>
      <c r="H372" s="40"/>
      <c r="L372" s="40"/>
      <c r="M372" s="40"/>
      <c r="N372" s="40"/>
      <c r="O372" s="40"/>
      <c r="P372" s="40"/>
      <c r="Q372" s="40"/>
      <c r="R372" s="40"/>
      <c r="S372" s="40"/>
    </row>
    <row r="373" spans="2:19" ht="13.5">
      <c r="F373" s="40"/>
      <c r="G373" s="40"/>
      <c r="H373" s="40"/>
      <c r="L373" s="40"/>
      <c r="M373" s="40"/>
      <c r="N373" s="40"/>
      <c r="O373" s="40"/>
      <c r="P373" s="40"/>
      <c r="Q373" s="40"/>
      <c r="R373" s="40"/>
      <c r="S373" s="40"/>
    </row>
    <row r="374" spans="2:19" ht="13.5">
      <c r="F374" s="40"/>
      <c r="G374" s="40"/>
      <c r="H374" s="40"/>
      <c r="L374" s="40"/>
      <c r="M374" s="40"/>
      <c r="N374" s="40"/>
      <c r="O374" s="40"/>
      <c r="P374" s="40"/>
      <c r="Q374" s="40"/>
      <c r="R374" s="40"/>
      <c r="S374" s="40"/>
    </row>
    <row r="375" spans="2:19" ht="13.5">
      <c r="F375" s="40"/>
      <c r="G375" s="40"/>
      <c r="H375" s="40"/>
      <c r="L375" s="40"/>
      <c r="M375" s="40"/>
      <c r="N375" s="40"/>
      <c r="O375" s="40"/>
      <c r="P375" s="40"/>
      <c r="Q375" s="40"/>
      <c r="R375" s="40"/>
      <c r="S375" s="40"/>
    </row>
    <row r="376" spans="2:19" ht="13.5">
      <c r="F376" s="40"/>
      <c r="G376" s="40"/>
      <c r="H376" s="40"/>
      <c r="L376" s="40"/>
      <c r="M376" s="40"/>
      <c r="N376" s="40"/>
      <c r="O376" s="40"/>
      <c r="P376" s="40"/>
      <c r="Q376" s="40"/>
      <c r="R376" s="40"/>
      <c r="S376" s="40"/>
    </row>
    <row r="377" spans="2:19" ht="13.5">
      <c r="F377" s="40"/>
      <c r="G377" s="40"/>
      <c r="H377" s="40"/>
      <c r="L377" s="40"/>
      <c r="M377" s="40"/>
      <c r="N377" s="40"/>
      <c r="O377" s="40"/>
      <c r="P377" s="40"/>
      <c r="Q377" s="40"/>
      <c r="R377" s="40"/>
      <c r="S377" s="40"/>
    </row>
    <row r="378" spans="2:19" ht="13.5">
      <c r="F378" s="40"/>
      <c r="G378" s="40"/>
      <c r="H378" s="40"/>
      <c r="L378" s="40"/>
      <c r="M378" s="40"/>
      <c r="N378" s="40"/>
      <c r="O378" s="40"/>
      <c r="P378" s="40"/>
      <c r="Q378" s="40"/>
      <c r="R378" s="40"/>
      <c r="S378" s="40"/>
    </row>
    <row r="379" spans="2:19">
      <c r="F379" s="40"/>
      <c r="G379" s="40"/>
      <c r="H379" s="40"/>
      <c r="S379" s="40"/>
    </row>
  </sheetData>
  <mergeCells count="7">
    <mergeCell ref="P11:S11"/>
    <mergeCell ref="B2:N2"/>
    <mergeCell ref="B3:M3"/>
    <mergeCell ref="B4:M8"/>
    <mergeCell ref="B9:N9"/>
    <mergeCell ref="C10:M10"/>
    <mergeCell ref="P10:S10"/>
  </mergeCells>
  <phoneticPr fontId="4"/>
  <conditionalFormatting sqref="U13:U21 U23:U37">
    <cfRule type="expression" dxfId="322" priority="80" stopIfTrue="1">
      <formula>ISERROR(U13)</formula>
    </cfRule>
  </conditionalFormatting>
  <conditionalFormatting sqref="S14:S36">
    <cfRule type="cellIs" dxfId="321" priority="79" stopIfTrue="1" operator="greaterThan">
      <formula>0</formula>
    </cfRule>
  </conditionalFormatting>
  <conditionalFormatting sqref="K16:K37 T13">
    <cfRule type="expression" dxfId="320" priority="81" stopIfTrue="1">
      <formula>#REF!&gt;12</formula>
    </cfRule>
  </conditionalFormatting>
  <conditionalFormatting sqref="K13:K14 P18:P34 S14:S36">
    <cfRule type="expression" dxfId="319" priority="82" stopIfTrue="1">
      <formula>#REF!&gt;12</formula>
    </cfRule>
  </conditionalFormatting>
  <conditionalFormatting sqref="R36 G33:H34 G36:H36 G13:H19 G21:H27 Q16:R34">
    <cfRule type="expression" dxfId="318" priority="83" stopIfTrue="1">
      <formula>ISERROR(G13)</formula>
    </cfRule>
    <cfRule type="expression" dxfId="317" priority="84" stopIfTrue="1">
      <formula>#REF!&gt;12</formula>
    </cfRule>
  </conditionalFormatting>
  <conditionalFormatting sqref="K15">
    <cfRule type="expression" dxfId="316" priority="85" stopIfTrue="1">
      <formula>#REF!&gt;12</formula>
    </cfRule>
  </conditionalFormatting>
  <conditionalFormatting sqref="P16:P17 F33:F34 F36 F15:F19 F13 F21:F27">
    <cfRule type="expression" dxfId="315" priority="72" stopIfTrue="1">
      <formula>#REF!&gt;12</formula>
    </cfRule>
  </conditionalFormatting>
  <conditionalFormatting sqref="F20">
    <cfRule type="expression" dxfId="314" priority="76" stopIfTrue="1">
      <formula>#REF!&gt;12</formula>
    </cfRule>
  </conditionalFormatting>
  <conditionalFormatting sqref="G20:H20">
    <cfRule type="expression" dxfId="313" priority="77" stopIfTrue="1">
      <formula>ISERROR(G20)</formula>
    </cfRule>
    <cfRule type="expression" dxfId="312" priority="78" stopIfTrue="1">
      <formula>#REF!&gt;12</formula>
    </cfRule>
  </conditionalFormatting>
  <conditionalFormatting sqref="P15">
    <cfRule type="expression" dxfId="311" priority="69" stopIfTrue="1">
      <formula>#REF!&gt;12</formula>
    </cfRule>
  </conditionalFormatting>
  <conditionalFormatting sqref="Q15:R15">
    <cfRule type="expression" dxfId="310" priority="70" stopIfTrue="1">
      <formula>ISERROR(Q15)</formula>
    </cfRule>
    <cfRule type="expression" dxfId="309" priority="71" stopIfTrue="1">
      <formula>#REF!&gt;12</formula>
    </cfRule>
  </conditionalFormatting>
  <conditionalFormatting sqref="H31">
    <cfRule type="expression" dxfId="308" priority="66" stopIfTrue="1">
      <formula>ISERROR(H31)</formula>
    </cfRule>
    <cfRule type="expression" dxfId="307" priority="67" stopIfTrue="1">
      <formula>#REF!&gt;12</formula>
    </cfRule>
  </conditionalFormatting>
  <conditionalFormatting sqref="F31">
    <cfRule type="expression" dxfId="306" priority="63" stopIfTrue="1">
      <formula>#REF!&gt;12</formula>
    </cfRule>
  </conditionalFormatting>
  <conditionalFormatting sqref="G31">
    <cfRule type="expression" dxfId="305" priority="64" stopIfTrue="1">
      <formula>ISERROR(G31)</formula>
    </cfRule>
    <cfRule type="expression" dxfId="304" priority="65" stopIfTrue="1">
      <formula>#REF!&gt;12</formula>
    </cfRule>
  </conditionalFormatting>
  <conditionalFormatting sqref="G14:H14">
    <cfRule type="expression" dxfId="303" priority="61" stopIfTrue="1">
      <formula>ISERROR(G14)</formula>
    </cfRule>
    <cfRule type="expression" dxfId="302" priority="62" stopIfTrue="1">
      <formula>#REF!&gt;12</formula>
    </cfRule>
  </conditionalFormatting>
  <conditionalFormatting sqref="I13:I37">
    <cfRule type="cellIs" dxfId="301" priority="53" stopIfTrue="1" operator="greaterThan">
      <formula>0</formula>
    </cfRule>
  </conditionalFormatting>
  <conditionalFormatting sqref="I13:J37">
    <cfRule type="expression" dxfId="300" priority="54" stopIfTrue="1">
      <formula>#REF!&gt;12</formula>
    </cfRule>
  </conditionalFormatting>
  <conditionalFormatting sqref="Q35:R35">
    <cfRule type="expression" dxfId="299" priority="50" stopIfTrue="1">
      <formula>ISERROR(Q35)</formula>
    </cfRule>
    <cfRule type="expression" dxfId="298" priority="51" stopIfTrue="1">
      <formula>#REF!&gt;12</formula>
    </cfRule>
  </conditionalFormatting>
  <conditionalFormatting sqref="P35">
    <cfRule type="expression" dxfId="297" priority="49" stopIfTrue="1">
      <formula>#REF!&gt;12</formula>
    </cfRule>
  </conditionalFormatting>
  <conditionalFormatting sqref="F14">
    <cfRule type="expression" dxfId="296" priority="41" stopIfTrue="1">
      <formula>#REF!&gt;12</formula>
    </cfRule>
  </conditionalFormatting>
  <conditionalFormatting sqref="S13">
    <cfRule type="cellIs" dxfId="295" priority="35" stopIfTrue="1" operator="greaterThan">
      <formula>0</formula>
    </cfRule>
  </conditionalFormatting>
  <conditionalFormatting sqref="S13">
    <cfRule type="expression" dxfId="294" priority="36" stopIfTrue="1">
      <formula>#REF!&gt;12</formula>
    </cfRule>
  </conditionalFormatting>
  <conditionalFormatting sqref="P14">
    <cfRule type="expression" dxfId="293" priority="31" stopIfTrue="1">
      <formula>#REF!&gt;12</formula>
    </cfRule>
  </conditionalFormatting>
  <conditionalFormatting sqref="Q14:R14">
    <cfRule type="expression" dxfId="292" priority="32" stopIfTrue="1">
      <formula>ISERROR(Q14)</formula>
    </cfRule>
    <cfRule type="expression" dxfId="291" priority="33" stopIfTrue="1">
      <formula>#REF!&gt;12</formula>
    </cfRule>
  </conditionalFormatting>
  <conditionalFormatting sqref="P13">
    <cfRule type="expression" dxfId="290" priority="28" stopIfTrue="1">
      <formula>#REF!&gt;12</formula>
    </cfRule>
  </conditionalFormatting>
  <conditionalFormatting sqref="Q13:R13">
    <cfRule type="expression" dxfId="289" priority="29" stopIfTrue="1">
      <formula>ISERROR(Q13)</formula>
    </cfRule>
    <cfRule type="expression" dxfId="288" priority="30" stopIfTrue="1">
      <formula>#REF!&gt;12</formula>
    </cfRule>
  </conditionalFormatting>
  <conditionalFormatting sqref="F37">
    <cfRule type="expression" dxfId="287" priority="25" stopIfTrue="1">
      <formula>#REF!&gt;12</formula>
    </cfRule>
  </conditionalFormatting>
  <conditionalFormatting sqref="G37:H37">
    <cfRule type="expression" dxfId="286" priority="26" stopIfTrue="1">
      <formula>ISERROR(G37)</formula>
    </cfRule>
    <cfRule type="expression" dxfId="285" priority="27" stopIfTrue="1">
      <formula>#REF!&gt;12</formula>
    </cfRule>
  </conditionalFormatting>
  <conditionalFormatting sqref="F36">
    <cfRule type="expression" dxfId="284" priority="22" stopIfTrue="1">
      <formula>#REF!&gt;12</formula>
    </cfRule>
  </conditionalFormatting>
  <conditionalFormatting sqref="G36:H36">
    <cfRule type="expression" dxfId="283" priority="23" stopIfTrue="1">
      <formula>ISERROR(G36)</formula>
    </cfRule>
    <cfRule type="expression" dxfId="282" priority="24" stopIfTrue="1">
      <formula>#REF!&gt;12</formula>
    </cfRule>
  </conditionalFormatting>
  <conditionalFormatting sqref="G29:H29">
    <cfRule type="expression" dxfId="281" priority="17" stopIfTrue="1">
      <formula>ISERROR(G29)</formula>
    </cfRule>
    <cfRule type="expression" dxfId="280" priority="18" stopIfTrue="1">
      <formula>#REF!&gt;12</formula>
    </cfRule>
  </conditionalFormatting>
  <conditionalFormatting sqref="F29">
    <cfRule type="expression" dxfId="279" priority="16" stopIfTrue="1">
      <formula>#REF!&gt;12</formula>
    </cfRule>
  </conditionalFormatting>
  <conditionalFormatting sqref="G18:H18">
    <cfRule type="expression" dxfId="278" priority="14" stopIfTrue="1">
      <formula>ISERROR(G18)</formula>
    </cfRule>
    <cfRule type="expression" dxfId="277" priority="15" stopIfTrue="1">
      <formula>#REF!&gt;12</formula>
    </cfRule>
  </conditionalFormatting>
  <conditionalFormatting sqref="F18">
    <cfRule type="expression" dxfId="276" priority="13" stopIfTrue="1">
      <formula>#REF!&gt;12</formula>
    </cfRule>
  </conditionalFormatting>
  <conditionalFormatting sqref="G30:H30">
    <cfRule type="expression" dxfId="275" priority="11" stopIfTrue="1">
      <formula>ISERROR(G30)</formula>
    </cfRule>
    <cfRule type="expression" dxfId="274" priority="12" stopIfTrue="1">
      <formula>#REF!&gt;12</formula>
    </cfRule>
  </conditionalFormatting>
  <conditionalFormatting sqref="F30">
    <cfRule type="expression" dxfId="273" priority="10" stopIfTrue="1">
      <formula>#REF!&gt;12</formula>
    </cfRule>
  </conditionalFormatting>
  <conditionalFormatting sqref="G32:H32">
    <cfRule type="expression" dxfId="272" priority="8" stopIfTrue="1">
      <formula>ISERROR(G32)</formula>
    </cfRule>
    <cfRule type="expression" dxfId="271" priority="9" stopIfTrue="1">
      <formula>#REF!&gt;12</formula>
    </cfRule>
  </conditionalFormatting>
  <conditionalFormatting sqref="F32">
    <cfRule type="expression" dxfId="270" priority="7" stopIfTrue="1">
      <formula>#REF!&gt;12</formula>
    </cfRule>
  </conditionalFormatting>
  <conditionalFormatting sqref="G28:H28">
    <cfRule type="expression" dxfId="269" priority="5" stopIfTrue="1">
      <formula>ISERROR(G28)</formula>
    </cfRule>
    <cfRule type="expression" dxfId="268" priority="6" stopIfTrue="1">
      <formula>#REF!&gt;12</formula>
    </cfRule>
  </conditionalFormatting>
  <conditionalFormatting sqref="F28">
    <cfRule type="expression" dxfId="267" priority="4" stopIfTrue="1">
      <formula>#REF!&gt;12</formula>
    </cfRule>
  </conditionalFormatting>
  <conditionalFormatting sqref="G35:H35">
    <cfRule type="expression" dxfId="266" priority="2" stopIfTrue="1">
      <formula>ISERROR(G35)</formula>
    </cfRule>
    <cfRule type="expression" dxfId="265" priority="3" stopIfTrue="1">
      <formula>#REF!&gt;12</formula>
    </cfRule>
  </conditionalFormatting>
  <conditionalFormatting sqref="F35">
    <cfRule type="expression" dxfId="264" priority="1" stopIfTrue="1">
      <formula>#REF!&gt;12</formula>
    </cfRule>
  </conditionalFormatting>
  <printOptions horizontalCentered="1"/>
  <pageMargins left="0" right="0" top="0.19" bottom="0" header="0" footer="0"/>
  <pageSetup paperSize="9" scale="20" orientation="portrait" r:id="rId1"/>
  <headerFooter alignWithMargins="0"/>
  <rowBreaks count="1" manualBreakCount="1">
    <brk id="36" max="16383" man="1"/>
  </rowBreaks>
  <colBreaks count="1" manualBreakCount="1">
    <brk id="6" max="1048575"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379"/>
  <sheetViews>
    <sheetView showGridLines="0" view="pageBreakPreview" zoomScale="25" zoomScaleNormal="25" zoomScaleSheetLayoutView="25" workbookViewId="0">
      <selection activeCell="B9" sqref="B9:N9"/>
    </sheetView>
  </sheetViews>
  <sheetFormatPr defaultColWidth="10.375" defaultRowHeight="25.5"/>
  <cols>
    <col min="1" max="1" width="2.875" style="40" customWidth="1"/>
    <col min="2" max="2" width="18.125" style="42" customWidth="1"/>
    <col min="3" max="3" width="35.875" style="42" customWidth="1"/>
    <col min="4" max="5" width="10.875" style="42" customWidth="1"/>
    <col min="6" max="6" width="88.875" style="43" customWidth="1"/>
    <col min="7" max="7" width="25.875" style="42" customWidth="1"/>
    <col min="8" max="8" width="20.875" style="44" customWidth="1"/>
    <col min="9" max="10" width="20.875" style="40" customWidth="1"/>
    <col min="11" max="11" width="2.875" style="41" customWidth="1"/>
    <col min="12" max="12" width="19.125" style="42" customWidth="1"/>
    <col min="13" max="13" width="35.875" style="42" customWidth="1"/>
    <col min="14" max="15" width="10.875" style="42" customWidth="1"/>
    <col min="16" max="16" width="88.875" style="43" customWidth="1"/>
    <col min="17" max="17" width="25.875" style="42" customWidth="1"/>
    <col min="18" max="18" width="20.875" style="45" customWidth="1"/>
    <col min="19" max="19" width="20.875" style="44" customWidth="1"/>
    <col min="20" max="20" width="20.875" style="40" customWidth="1"/>
    <col min="21" max="21" width="12.125" style="40" customWidth="1"/>
    <col min="22" max="22" width="1.875" style="40" customWidth="1"/>
    <col min="23" max="24" width="12.125" style="40" hidden="1" customWidth="1"/>
    <col min="25" max="16384" width="10.375" style="40"/>
  </cols>
  <sheetData>
    <row r="1" spans="2:24" s="1" customFormat="1" ht="30.6" customHeight="1">
      <c r="P1" s="5"/>
      <c r="Q1" s="2"/>
      <c r="R1" s="6"/>
      <c r="S1" s="3"/>
    </row>
    <row r="2" spans="2:24" s="1" customFormat="1" ht="77.099999999999994" customHeight="1">
      <c r="B2" s="152" t="s">
        <v>98</v>
      </c>
      <c r="C2" s="152"/>
      <c r="D2" s="152"/>
      <c r="E2" s="152"/>
      <c r="F2" s="152"/>
      <c r="G2" s="152"/>
      <c r="H2" s="152"/>
      <c r="I2" s="152"/>
      <c r="J2" s="152"/>
      <c r="K2" s="152"/>
      <c r="L2" s="152"/>
      <c r="M2" s="152"/>
      <c r="N2" s="152"/>
      <c r="O2" s="75"/>
      <c r="P2" s="7"/>
      <c r="Q2" s="8"/>
      <c r="R2" s="6"/>
      <c r="S2" s="9"/>
      <c r="T2" s="9"/>
      <c r="U2" s="10"/>
      <c r="V2" s="10"/>
      <c r="W2" s="10"/>
      <c r="X2" s="10"/>
    </row>
    <row r="3" spans="2:24" s="1" customFormat="1" ht="77.099999999999994" customHeight="1">
      <c r="B3" s="153" t="s">
        <v>349</v>
      </c>
      <c r="C3" s="154"/>
      <c r="D3" s="154"/>
      <c r="E3" s="154"/>
      <c r="F3" s="154"/>
      <c r="G3" s="154"/>
      <c r="H3" s="154"/>
      <c r="I3" s="154"/>
      <c r="J3" s="154"/>
      <c r="K3" s="154"/>
      <c r="L3" s="154"/>
      <c r="M3" s="154"/>
      <c r="N3" s="46"/>
      <c r="O3" s="46"/>
      <c r="P3" s="11"/>
      <c r="Q3" s="8"/>
      <c r="R3" s="6"/>
      <c r="S3" s="12"/>
      <c r="T3" s="13"/>
      <c r="U3" s="13"/>
      <c r="V3" s="13"/>
      <c r="W3" s="13"/>
      <c r="X3" s="13"/>
    </row>
    <row r="4" spans="2:24" s="1" customFormat="1" ht="77.099999999999994" customHeight="1">
      <c r="B4" s="155" t="s">
        <v>258</v>
      </c>
      <c r="C4" s="155"/>
      <c r="D4" s="155"/>
      <c r="E4" s="155"/>
      <c r="F4" s="155"/>
      <c r="G4" s="155"/>
      <c r="H4" s="155"/>
      <c r="I4" s="155"/>
      <c r="J4" s="155"/>
      <c r="K4" s="155"/>
      <c r="L4" s="155"/>
      <c r="M4" s="155"/>
      <c r="N4" s="46"/>
      <c r="O4" s="46"/>
      <c r="P4" s="14"/>
      <c r="Q4" s="15"/>
      <c r="R4" s="16"/>
      <c r="S4" s="17"/>
      <c r="T4" s="17"/>
      <c r="U4" s="17"/>
      <c r="V4" s="17"/>
      <c r="W4" s="17"/>
      <c r="X4" s="17"/>
    </row>
    <row r="5" spans="2:24" s="1" customFormat="1" ht="77.099999999999994" customHeight="1">
      <c r="B5" s="155"/>
      <c r="C5" s="155"/>
      <c r="D5" s="155"/>
      <c r="E5" s="155"/>
      <c r="F5" s="155"/>
      <c r="G5" s="155"/>
      <c r="H5" s="155"/>
      <c r="I5" s="155"/>
      <c r="J5" s="155"/>
      <c r="K5" s="155"/>
      <c r="L5" s="155"/>
      <c r="M5" s="155"/>
      <c r="N5" s="46"/>
      <c r="O5" s="46"/>
      <c r="P5" s="5"/>
      <c r="Q5" s="20"/>
      <c r="R5" s="21"/>
      <c r="S5" s="21"/>
      <c r="T5" s="22"/>
      <c r="U5" s="22"/>
      <c r="V5" s="22"/>
      <c r="W5" s="22"/>
      <c r="X5" s="22"/>
    </row>
    <row r="6" spans="2:24" s="1" customFormat="1" ht="77.099999999999994" customHeight="1">
      <c r="B6" s="155"/>
      <c r="C6" s="155"/>
      <c r="D6" s="155"/>
      <c r="E6" s="155"/>
      <c r="F6" s="155"/>
      <c r="G6" s="155"/>
      <c r="H6" s="155"/>
      <c r="I6" s="155"/>
      <c r="J6" s="155"/>
      <c r="K6" s="155"/>
      <c r="L6" s="155"/>
      <c r="M6" s="155"/>
      <c r="N6" s="46"/>
      <c r="O6" s="46"/>
      <c r="P6" s="5"/>
      <c r="Q6" s="22"/>
      <c r="T6" s="22"/>
      <c r="U6" s="22"/>
      <c r="V6" s="22"/>
      <c r="W6" s="22"/>
      <c r="X6" s="22"/>
    </row>
    <row r="7" spans="2:24" s="1" customFormat="1" ht="77.099999999999994" customHeight="1">
      <c r="B7" s="155"/>
      <c r="C7" s="155"/>
      <c r="D7" s="155"/>
      <c r="E7" s="155"/>
      <c r="F7" s="155"/>
      <c r="G7" s="155"/>
      <c r="H7" s="155"/>
      <c r="I7" s="155"/>
      <c r="J7" s="155"/>
      <c r="K7" s="155"/>
      <c r="L7" s="155"/>
      <c r="M7" s="155"/>
      <c r="N7" s="46"/>
      <c r="O7" s="46"/>
      <c r="P7" s="5"/>
      <c r="Q7" s="22"/>
      <c r="R7" s="21"/>
      <c r="S7" s="22"/>
      <c r="T7" s="22"/>
      <c r="U7" s="22"/>
      <c r="V7" s="22"/>
      <c r="W7" s="22"/>
      <c r="X7" s="22"/>
    </row>
    <row r="8" spans="2:24" s="1" customFormat="1" ht="77.099999999999994" customHeight="1">
      <c r="B8" s="155"/>
      <c r="C8" s="155"/>
      <c r="D8" s="155"/>
      <c r="E8" s="155"/>
      <c r="F8" s="155"/>
      <c r="G8" s="155"/>
      <c r="H8" s="155"/>
      <c r="I8" s="155"/>
      <c r="J8" s="155"/>
      <c r="K8" s="155"/>
      <c r="L8" s="155"/>
      <c r="M8" s="155"/>
      <c r="N8" s="46"/>
      <c r="O8" s="46"/>
      <c r="P8" s="5"/>
      <c r="Q8" s="22"/>
      <c r="R8" s="21"/>
      <c r="S8" s="22"/>
      <c r="T8" s="22"/>
      <c r="U8" s="22"/>
      <c r="V8" s="22"/>
      <c r="W8" s="22"/>
      <c r="X8" s="22"/>
    </row>
    <row r="9" spans="2:24" s="1" customFormat="1" ht="77.099999999999994" customHeight="1">
      <c r="B9" s="162" t="s">
        <v>350</v>
      </c>
      <c r="C9" s="162"/>
      <c r="D9" s="162"/>
      <c r="E9" s="162"/>
      <c r="F9" s="162"/>
      <c r="G9" s="162"/>
      <c r="H9" s="162"/>
      <c r="I9" s="162"/>
      <c r="J9" s="162"/>
      <c r="K9" s="162"/>
      <c r="L9" s="162"/>
      <c r="M9" s="162"/>
      <c r="N9" s="162"/>
      <c r="O9" s="77"/>
      <c r="P9" s="5"/>
      <c r="Q9" s="22"/>
      <c r="R9" s="21"/>
      <c r="S9" s="22"/>
      <c r="T9" s="22"/>
      <c r="U9" s="22"/>
      <c r="V9" s="22"/>
      <c r="W9" s="22"/>
      <c r="X9" s="22"/>
    </row>
    <row r="10" spans="2:24" s="1" customFormat="1" ht="77.099999999999994" customHeight="1">
      <c r="B10" s="47"/>
      <c r="C10" s="157" t="s">
        <v>19</v>
      </c>
      <c r="D10" s="157"/>
      <c r="E10" s="157"/>
      <c r="F10" s="157"/>
      <c r="G10" s="157"/>
      <c r="H10" s="157"/>
      <c r="I10" s="157"/>
      <c r="J10" s="157"/>
      <c r="K10" s="157"/>
      <c r="L10" s="157"/>
      <c r="M10" s="157"/>
      <c r="N10" s="47"/>
      <c r="O10" s="70"/>
      <c r="P10" s="158" t="s">
        <v>17</v>
      </c>
      <c r="Q10" s="158"/>
      <c r="R10" s="158"/>
      <c r="S10" s="158"/>
      <c r="T10" s="22"/>
      <c r="U10" s="22"/>
      <c r="V10" s="22"/>
      <c r="W10" s="22"/>
      <c r="X10" s="22"/>
    </row>
    <row r="11" spans="2:24" s="1" customFormat="1" ht="77.099999999999994" customHeight="1">
      <c r="G11" s="18"/>
      <c r="H11" s="18"/>
      <c r="I11" s="19"/>
      <c r="K11" s="4"/>
      <c r="P11" s="151" t="s">
        <v>18</v>
      </c>
      <c r="Q11" s="151"/>
      <c r="R11" s="151"/>
      <c r="S11" s="151"/>
      <c r="T11" s="22"/>
      <c r="U11" s="22"/>
      <c r="V11" s="22"/>
      <c r="W11" s="22"/>
      <c r="X11" s="22"/>
    </row>
    <row r="12" spans="2:24" s="28" customFormat="1" ht="81.599999999999994" customHeight="1">
      <c r="B12" s="23" t="s">
        <v>20</v>
      </c>
      <c r="C12" s="23" t="s">
        <v>0</v>
      </c>
      <c r="D12" s="23" t="s">
        <v>21</v>
      </c>
      <c r="E12" s="66" t="s">
        <v>73</v>
      </c>
      <c r="F12" s="24" t="s">
        <v>1</v>
      </c>
      <c r="G12" s="24" t="s">
        <v>2</v>
      </c>
      <c r="H12" s="24" t="s">
        <v>3</v>
      </c>
      <c r="I12" s="24" t="s">
        <v>4</v>
      </c>
      <c r="J12" s="26" t="s">
        <v>5</v>
      </c>
      <c r="K12" s="25"/>
      <c r="L12" s="23" t="s">
        <v>20</v>
      </c>
      <c r="M12" s="23" t="s">
        <v>0</v>
      </c>
      <c r="N12" s="23" t="s">
        <v>21</v>
      </c>
      <c r="O12" s="66" t="s">
        <v>73</v>
      </c>
      <c r="P12" s="24" t="s">
        <v>1</v>
      </c>
      <c r="Q12" s="24" t="s">
        <v>2</v>
      </c>
      <c r="R12" s="24" t="s">
        <v>3</v>
      </c>
      <c r="S12" s="24" t="s">
        <v>4</v>
      </c>
      <c r="T12" s="26" t="s">
        <v>5</v>
      </c>
      <c r="U12" s="27"/>
    </row>
    <row r="13" spans="2:24" s="28" customFormat="1" ht="130.35" customHeight="1">
      <c r="B13" s="78">
        <v>1</v>
      </c>
      <c r="C13" s="127" t="s">
        <v>177</v>
      </c>
      <c r="D13" s="128" t="s">
        <v>11</v>
      </c>
      <c r="E13" s="93"/>
      <c r="F13" s="129" t="s">
        <v>351</v>
      </c>
      <c r="G13" s="130" t="s">
        <v>352</v>
      </c>
      <c r="H13" s="145">
        <v>1580</v>
      </c>
      <c r="I13" s="84"/>
      <c r="J13" s="85"/>
      <c r="K13" s="86"/>
      <c r="L13" s="78">
        <v>26</v>
      </c>
      <c r="M13" s="127" t="s">
        <v>13</v>
      </c>
      <c r="N13" s="128" t="s">
        <v>9</v>
      </c>
      <c r="O13" s="128"/>
      <c r="P13" s="122" t="s">
        <v>353</v>
      </c>
      <c r="Q13" s="130" t="s">
        <v>354</v>
      </c>
      <c r="R13" s="145">
        <v>1680</v>
      </c>
      <c r="S13" s="91"/>
      <c r="T13" s="92"/>
      <c r="U13" s="29"/>
    </row>
    <row r="14" spans="2:24" s="30" customFormat="1" ht="130.35" customHeight="1">
      <c r="B14" s="98">
        <v>2</v>
      </c>
      <c r="C14" s="127" t="s">
        <v>6</v>
      </c>
      <c r="D14" s="128" t="s">
        <v>11</v>
      </c>
      <c r="E14" s="93" t="s">
        <v>74</v>
      </c>
      <c r="F14" s="131" t="s">
        <v>355</v>
      </c>
      <c r="G14" s="132" t="s">
        <v>356</v>
      </c>
      <c r="H14" s="146">
        <v>1580</v>
      </c>
      <c r="I14" s="84"/>
      <c r="J14" s="85"/>
      <c r="K14" s="86"/>
      <c r="L14" s="78">
        <v>27</v>
      </c>
      <c r="M14" s="127" t="s">
        <v>13</v>
      </c>
      <c r="N14" s="128" t="s">
        <v>9</v>
      </c>
      <c r="O14" s="128"/>
      <c r="P14" s="122" t="s">
        <v>357</v>
      </c>
      <c r="Q14" s="130" t="s">
        <v>358</v>
      </c>
      <c r="R14" s="145">
        <v>1680</v>
      </c>
      <c r="S14" s="91"/>
      <c r="T14" s="92"/>
      <c r="U14" s="29"/>
    </row>
    <row r="15" spans="2:24" s="28" customFormat="1" ht="130.35" customHeight="1">
      <c r="B15" s="78">
        <v>3</v>
      </c>
      <c r="C15" s="127" t="s">
        <v>6</v>
      </c>
      <c r="D15" s="128" t="s">
        <v>11</v>
      </c>
      <c r="E15" s="128"/>
      <c r="F15" s="108" t="s">
        <v>359</v>
      </c>
      <c r="G15" s="130" t="s">
        <v>360</v>
      </c>
      <c r="H15" s="145">
        <v>1480</v>
      </c>
      <c r="I15" s="84"/>
      <c r="J15" s="85"/>
      <c r="K15" s="86"/>
      <c r="L15" s="78">
        <v>28</v>
      </c>
      <c r="M15" s="127" t="s">
        <v>13</v>
      </c>
      <c r="N15" s="128" t="s">
        <v>9</v>
      </c>
      <c r="O15" s="128"/>
      <c r="P15" s="122" t="s">
        <v>361</v>
      </c>
      <c r="Q15" s="130" t="s">
        <v>362</v>
      </c>
      <c r="R15" s="145">
        <v>1680</v>
      </c>
      <c r="S15" s="91"/>
      <c r="T15" s="92"/>
      <c r="U15" s="29"/>
    </row>
    <row r="16" spans="2:24" s="28" customFormat="1" ht="130.35" customHeight="1">
      <c r="B16" s="78">
        <v>4</v>
      </c>
      <c r="C16" s="127" t="s">
        <v>135</v>
      </c>
      <c r="D16" s="128" t="s">
        <v>11</v>
      </c>
      <c r="E16" s="93"/>
      <c r="F16" s="122" t="s">
        <v>363</v>
      </c>
      <c r="G16" s="130" t="s">
        <v>364</v>
      </c>
      <c r="H16" s="145">
        <v>1780</v>
      </c>
      <c r="I16" s="103"/>
      <c r="J16" s="49"/>
      <c r="K16" s="86"/>
      <c r="L16" s="78">
        <v>29</v>
      </c>
      <c r="M16" s="127" t="s">
        <v>13</v>
      </c>
      <c r="N16" s="128" t="s">
        <v>9</v>
      </c>
      <c r="O16" s="128"/>
      <c r="P16" s="122" t="s">
        <v>365</v>
      </c>
      <c r="Q16" s="130" t="s">
        <v>366</v>
      </c>
      <c r="R16" s="145">
        <v>1980</v>
      </c>
      <c r="S16" s="91"/>
      <c r="T16" s="92"/>
      <c r="U16" s="29"/>
    </row>
    <row r="17" spans="2:21" s="28" customFormat="1" ht="130.35" customHeight="1">
      <c r="B17" s="98">
        <v>5</v>
      </c>
      <c r="C17" s="127" t="s">
        <v>135</v>
      </c>
      <c r="D17" s="128" t="s">
        <v>11</v>
      </c>
      <c r="E17" s="93"/>
      <c r="F17" s="122" t="s">
        <v>367</v>
      </c>
      <c r="G17" s="130" t="s">
        <v>368</v>
      </c>
      <c r="H17" s="145">
        <v>1980</v>
      </c>
      <c r="I17" s="103"/>
      <c r="J17" s="49"/>
      <c r="K17" s="86"/>
      <c r="L17" s="98">
        <v>30</v>
      </c>
      <c r="M17" s="133" t="s">
        <v>369</v>
      </c>
      <c r="N17" s="134" t="s">
        <v>9</v>
      </c>
      <c r="O17" s="134"/>
      <c r="P17" s="135" t="s">
        <v>370</v>
      </c>
      <c r="Q17" s="132" t="s">
        <v>371</v>
      </c>
      <c r="R17" s="146">
        <v>1580</v>
      </c>
      <c r="S17" s="91"/>
      <c r="T17" s="92"/>
      <c r="U17" s="29"/>
    </row>
    <row r="18" spans="2:21" s="28" customFormat="1" ht="130.35" customHeight="1">
      <c r="B18" s="78">
        <v>6</v>
      </c>
      <c r="C18" s="127" t="s">
        <v>135</v>
      </c>
      <c r="D18" s="128" t="s">
        <v>11</v>
      </c>
      <c r="E18" s="93"/>
      <c r="F18" s="122" t="s">
        <v>372</v>
      </c>
      <c r="G18" s="130" t="s">
        <v>373</v>
      </c>
      <c r="H18" s="145">
        <v>1980</v>
      </c>
      <c r="I18" s="103"/>
      <c r="J18" s="49"/>
      <c r="K18" s="86"/>
      <c r="L18" s="78">
        <v>31</v>
      </c>
      <c r="M18" s="127"/>
      <c r="N18" s="128"/>
      <c r="O18" s="128"/>
      <c r="P18" s="99"/>
      <c r="Q18" s="136"/>
      <c r="R18" s="137"/>
      <c r="S18" s="91"/>
      <c r="T18" s="92"/>
      <c r="U18" s="29"/>
    </row>
    <row r="19" spans="2:21" s="28" customFormat="1" ht="130.35" customHeight="1">
      <c r="B19" s="78">
        <v>7</v>
      </c>
      <c r="C19" s="127" t="s">
        <v>14</v>
      </c>
      <c r="D19" s="128" t="s">
        <v>11</v>
      </c>
      <c r="E19" s="93" t="s">
        <v>74</v>
      </c>
      <c r="F19" s="138" t="s">
        <v>374</v>
      </c>
      <c r="G19" s="130" t="s">
        <v>375</v>
      </c>
      <c r="H19" s="145">
        <v>2260</v>
      </c>
      <c r="I19" s="103"/>
      <c r="J19" s="109"/>
      <c r="K19" s="86"/>
      <c r="L19" s="78">
        <v>32</v>
      </c>
      <c r="M19" s="127"/>
      <c r="N19" s="128"/>
      <c r="O19" s="128"/>
      <c r="P19" s="99"/>
      <c r="Q19" s="136"/>
      <c r="R19" s="137"/>
      <c r="S19" s="91"/>
      <c r="T19" s="92"/>
      <c r="U19" s="29"/>
    </row>
    <row r="20" spans="2:21" s="28" customFormat="1" ht="130.35" customHeight="1">
      <c r="B20" s="98">
        <v>8</v>
      </c>
      <c r="C20" s="127" t="s">
        <v>145</v>
      </c>
      <c r="D20" s="128" t="s">
        <v>11</v>
      </c>
      <c r="E20" s="93"/>
      <c r="F20" s="138" t="s">
        <v>376</v>
      </c>
      <c r="G20" s="130" t="s">
        <v>377</v>
      </c>
      <c r="H20" s="145">
        <v>1280</v>
      </c>
      <c r="I20" s="103"/>
      <c r="J20" s="109"/>
      <c r="K20" s="86"/>
      <c r="L20" s="78">
        <v>33</v>
      </c>
      <c r="M20" s="127"/>
      <c r="N20" s="128"/>
      <c r="O20" s="93"/>
      <c r="P20" s="99"/>
      <c r="Q20" s="136"/>
      <c r="R20" s="137"/>
      <c r="S20" s="91"/>
      <c r="T20" s="92"/>
      <c r="U20" s="29"/>
    </row>
    <row r="21" spans="2:21" s="28" customFormat="1" ht="130.35" customHeight="1">
      <c r="B21" s="78">
        <v>9</v>
      </c>
      <c r="C21" s="127" t="s">
        <v>295</v>
      </c>
      <c r="D21" s="128" t="s">
        <v>11</v>
      </c>
      <c r="E21" s="93" t="s">
        <v>74</v>
      </c>
      <c r="F21" s="108" t="s">
        <v>378</v>
      </c>
      <c r="G21" s="130" t="s">
        <v>379</v>
      </c>
      <c r="H21" s="145">
        <v>1480</v>
      </c>
      <c r="I21" s="103"/>
      <c r="J21" s="109"/>
      <c r="K21" s="86"/>
      <c r="L21" s="78">
        <v>34</v>
      </c>
      <c r="M21" s="127"/>
      <c r="N21" s="128"/>
      <c r="O21" s="128"/>
      <c r="P21" s="99"/>
      <c r="Q21" s="136"/>
      <c r="R21" s="137"/>
      <c r="S21" s="91"/>
      <c r="T21" s="92"/>
      <c r="U21" s="29"/>
    </row>
    <row r="22" spans="2:21" s="28" customFormat="1" ht="130.35" customHeight="1">
      <c r="B22" s="78">
        <v>10</v>
      </c>
      <c r="C22" s="127" t="s">
        <v>222</v>
      </c>
      <c r="D22" s="128" t="s">
        <v>11</v>
      </c>
      <c r="E22" s="128"/>
      <c r="F22" s="99" t="s">
        <v>380</v>
      </c>
      <c r="G22" s="130" t="s">
        <v>381</v>
      </c>
      <c r="H22" s="145">
        <v>1280</v>
      </c>
      <c r="I22" s="103"/>
      <c r="J22" s="109"/>
      <c r="K22" s="86"/>
      <c r="L22" s="78">
        <v>35</v>
      </c>
      <c r="M22" s="127"/>
      <c r="N22" s="128"/>
      <c r="O22" s="128"/>
      <c r="P22" s="99"/>
      <c r="Q22" s="136"/>
      <c r="R22" s="137"/>
      <c r="S22" s="91"/>
      <c r="T22" s="92"/>
    </row>
    <row r="23" spans="2:21" s="28" customFormat="1" ht="130.35" customHeight="1">
      <c r="B23" s="98">
        <v>11</v>
      </c>
      <c r="C23" s="127" t="s">
        <v>14</v>
      </c>
      <c r="D23" s="128" t="s">
        <v>42</v>
      </c>
      <c r="E23" s="128"/>
      <c r="F23" s="138" t="s">
        <v>382</v>
      </c>
      <c r="G23" s="130" t="s">
        <v>383</v>
      </c>
      <c r="H23" s="145">
        <v>1980</v>
      </c>
      <c r="I23" s="84"/>
      <c r="J23" s="85"/>
      <c r="K23" s="86"/>
      <c r="L23" s="78">
        <v>36</v>
      </c>
      <c r="M23" s="127"/>
      <c r="N23" s="128"/>
      <c r="O23" s="128"/>
      <c r="P23" s="99"/>
      <c r="Q23" s="136"/>
      <c r="R23" s="137"/>
      <c r="S23" s="91"/>
      <c r="T23" s="92"/>
      <c r="U23" s="29"/>
    </row>
    <row r="24" spans="2:21" s="28" customFormat="1" ht="130.35" customHeight="1">
      <c r="B24" s="78">
        <v>12</v>
      </c>
      <c r="C24" s="127" t="s">
        <v>6</v>
      </c>
      <c r="D24" s="128" t="s">
        <v>42</v>
      </c>
      <c r="E24" s="128"/>
      <c r="F24" s="122" t="s">
        <v>384</v>
      </c>
      <c r="G24" s="130" t="s">
        <v>385</v>
      </c>
      <c r="H24" s="145">
        <v>2380</v>
      </c>
      <c r="I24" s="103"/>
      <c r="J24" s="49"/>
      <c r="K24" s="86"/>
      <c r="L24" s="78">
        <v>37</v>
      </c>
      <c r="M24" s="127"/>
      <c r="N24" s="128"/>
      <c r="O24" s="128"/>
      <c r="P24" s="99"/>
      <c r="Q24" s="136"/>
      <c r="R24" s="137"/>
      <c r="S24" s="91"/>
      <c r="T24" s="92"/>
      <c r="U24" s="29"/>
    </row>
    <row r="25" spans="2:21" s="28" customFormat="1" ht="130.35" customHeight="1">
      <c r="B25" s="78">
        <v>13</v>
      </c>
      <c r="C25" s="127" t="s">
        <v>135</v>
      </c>
      <c r="D25" s="128" t="s">
        <v>42</v>
      </c>
      <c r="E25" s="128"/>
      <c r="F25" s="122" t="s">
        <v>386</v>
      </c>
      <c r="G25" s="130" t="s">
        <v>387</v>
      </c>
      <c r="H25" s="145">
        <v>1980</v>
      </c>
      <c r="I25" s="103"/>
      <c r="J25" s="49"/>
      <c r="K25" s="86"/>
      <c r="L25" s="78">
        <v>38</v>
      </c>
      <c r="M25" s="127"/>
      <c r="N25" s="128"/>
      <c r="O25" s="128"/>
      <c r="P25" s="99"/>
      <c r="Q25" s="136"/>
      <c r="R25" s="137"/>
      <c r="S25" s="91"/>
      <c r="T25" s="92"/>
      <c r="U25" s="29"/>
    </row>
    <row r="26" spans="2:21" s="28" customFormat="1" ht="130.35" customHeight="1">
      <c r="B26" s="98">
        <v>14</v>
      </c>
      <c r="C26" s="127" t="s">
        <v>135</v>
      </c>
      <c r="D26" s="128" t="s">
        <v>42</v>
      </c>
      <c r="E26" s="128"/>
      <c r="F26" s="138" t="s">
        <v>388</v>
      </c>
      <c r="G26" s="130" t="s">
        <v>389</v>
      </c>
      <c r="H26" s="145">
        <v>2200</v>
      </c>
      <c r="I26" s="103"/>
      <c r="J26" s="109"/>
      <c r="K26" s="86"/>
      <c r="L26" s="78">
        <v>39</v>
      </c>
      <c r="M26" s="127"/>
      <c r="N26" s="128"/>
      <c r="O26" s="128"/>
      <c r="P26" s="99"/>
      <c r="Q26" s="136"/>
      <c r="R26" s="137"/>
      <c r="S26" s="91"/>
      <c r="T26" s="92"/>
      <c r="U26" s="29"/>
    </row>
    <row r="27" spans="2:21" s="28" customFormat="1" ht="130.35" customHeight="1">
      <c r="B27" s="78">
        <v>15</v>
      </c>
      <c r="C27" s="127" t="s">
        <v>35</v>
      </c>
      <c r="D27" s="128" t="s">
        <v>42</v>
      </c>
      <c r="E27" s="128"/>
      <c r="F27" s="122" t="s">
        <v>390</v>
      </c>
      <c r="G27" s="130" t="s">
        <v>391</v>
      </c>
      <c r="H27" s="145">
        <v>2700</v>
      </c>
      <c r="I27" s="103"/>
      <c r="J27" s="109"/>
      <c r="K27" s="86"/>
      <c r="L27" s="78">
        <v>40</v>
      </c>
      <c r="M27" s="127"/>
      <c r="N27" s="128"/>
      <c r="O27" s="128"/>
      <c r="P27" s="99"/>
      <c r="Q27" s="136"/>
      <c r="R27" s="137"/>
      <c r="S27" s="91"/>
      <c r="T27" s="92"/>
      <c r="U27" s="29"/>
    </row>
    <row r="28" spans="2:21" s="28" customFormat="1" ht="130.35" customHeight="1">
      <c r="B28" s="78">
        <v>16</v>
      </c>
      <c r="C28" s="127" t="s">
        <v>8</v>
      </c>
      <c r="D28" s="128" t="s">
        <v>9</v>
      </c>
      <c r="E28" s="128"/>
      <c r="F28" s="88" t="s">
        <v>392</v>
      </c>
      <c r="G28" s="130" t="s">
        <v>393</v>
      </c>
      <c r="H28" s="145">
        <v>2580</v>
      </c>
      <c r="I28" s="84"/>
      <c r="J28" s="85"/>
      <c r="K28" s="86"/>
      <c r="L28" s="78">
        <v>41</v>
      </c>
      <c r="M28" s="127"/>
      <c r="N28" s="128"/>
      <c r="O28" s="128"/>
      <c r="P28" s="99"/>
      <c r="Q28" s="139"/>
      <c r="R28" s="140"/>
      <c r="S28" s="91"/>
      <c r="T28" s="92"/>
      <c r="U28" s="29"/>
    </row>
    <row r="29" spans="2:21" s="28" customFormat="1" ht="130.35" customHeight="1">
      <c r="B29" s="98">
        <v>17</v>
      </c>
      <c r="C29" s="127" t="s">
        <v>10</v>
      </c>
      <c r="D29" s="128" t="s">
        <v>9</v>
      </c>
      <c r="E29" s="128"/>
      <c r="F29" s="122" t="s">
        <v>394</v>
      </c>
      <c r="G29" s="130" t="s">
        <v>395</v>
      </c>
      <c r="H29" s="145">
        <v>2700</v>
      </c>
      <c r="I29" s="103"/>
      <c r="J29" s="49"/>
      <c r="K29" s="86"/>
      <c r="L29" s="78">
        <v>42</v>
      </c>
      <c r="M29" s="127"/>
      <c r="N29" s="128"/>
      <c r="O29" s="128"/>
      <c r="P29" s="99"/>
      <c r="Q29" s="139"/>
      <c r="R29" s="140"/>
      <c r="S29" s="91"/>
      <c r="T29" s="92"/>
      <c r="U29" s="29"/>
    </row>
    <row r="30" spans="2:21" s="28" customFormat="1" ht="130.35" customHeight="1">
      <c r="B30" s="78">
        <v>18</v>
      </c>
      <c r="C30" s="127" t="s">
        <v>135</v>
      </c>
      <c r="D30" s="128" t="s">
        <v>9</v>
      </c>
      <c r="E30" s="128"/>
      <c r="F30" s="122" t="s">
        <v>396</v>
      </c>
      <c r="G30" s="130" t="s">
        <v>397</v>
      </c>
      <c r="H30" s="145">
        <v>2400</v>
      </c>
      <c r="I30" s="103"/>
      <c r="J30" s="49"/>
      <c r="K30" s="86"/>
      <c r="L30" s="78">
        <v>43</v>
      </c>
      <c r="M30" s="127"/>
      <c r="N30" s="128"/>
      <c r="O30" s="128"/>
      <c r="P30" s="99"/>
      <c r="Q30" s="139"/>
      <c r="R30" s="140"/>
      <c r="S30" s="91"/>
      <c r="T30" s="92"/>
      <c r="U30" s="29"/>
    </row>
    <row r="31" spans="2:21" s="28" customFormat="1" ht="130.35" customHeight="1">
      <c r="B31" s="78">
        <v>19</v>
      </c>
      <c r="C31" s="127" t="s">
        <v>135</v>
      </c>
      <c r="D31" s="128" t="s">
        <v>9</v>
      </c>
      <c r="E31" s="128"/>
      <c r="F31" s="122" t="s">
        <v>398</v>
      </c>
      <c r="G31" s="130" t="s">
        <v>399</v>
      </c>
      <c r="H31" s="145">
        <v>2200</v>
      </c>
      <c r="I31" s="103"/>
      <c r="J31" s="109"/>
      <c r="K31" s="86"/>
      <c r="L31" s="78">
        <v>44</v>
      </c>
      <c r="M31" s="127"/>
      <c r="N31" s="128"/>
      <c r="O31" s="128"/>
      <c r="P31" s="99"/>
      <c r="Q31" s="139"/>
      <c r="R31" s="140"/>
      <c r="S31" s="91"/>
      <c r="T31" s="92"/>
      <c r="U31" s="29"/>
    </row>
    <row r="32" spans="2:21" s="28" customFormat="1" ht="130.35" customHeight="1">
      <c r="B32" s="98">
        <v>20</v>
      </c>
      <c r="C32" s="127" t="s">
        <v>135</v>
      </c>
      <c r="D32" s="128" t="s">
        <v>9</v>
      </c>
      <c r="E32" s="128"/>
      <c r="F32" s="122" t="s">
        <v>400</v>
      </c>
      <c r="G32" s="130" t="s">
        <v>401</v>
      </c>
      <c r="H32" s="145">
        <v>2200</v>
      </c>
      <c r="I32" s="103"/>
      <c r="J32" s="109"/>
      <c r="K32" s="86"/>
      <c r="L32" s="78">
        <v>45</v>
      </c>
      <c r="M32" s="127"/>
      <c r="N32" s="128"/>
      <c r="O32" s="128"/>
      <c r="P32" s="99"/>
      <c r="Q32" s="139"/>
      <c r="R32" s="140"/>
      <c r="S32" s="91"/>
      <c r="T32" s="92"/>
      <c r="U32" s="29"/>
    </row>
    <row r="33" spans="2:24" s="28" customFormat="1" ht="130.35" customHeight="1">
      <c r="B33" s="78">
        <v>21</v>
      </c>
      <c r="C33" s="127" t="s">
        <v>16</v>
      </c>
      <c r="D33" s="128" t="s">
        <v>9</v>
      </c>
      <c r="E33" s="128"/>
      <c r="F33" s="122" t="s">
        <v>402</v>
      </c>
      <c r="G33" s="130" t="s">
        <v>403</v>
      </c>
      <c r="H33" s="145">
        <v>1780</v>
      </c>
      <c r="I33" s="103"/>
      <c r="J33" s="109"/>
      <c r="K33" s="86"/>
      <c r="L33" s="78">
        <v>46</v>
      </c>
      <c r="M33" s="127"/>
      <c r="N33" s="128"/>
      <c r="O33" s="128"/>
      <c r="P33" s="99"/>
      <c r="Q33" s="139"/>
      <c r="R33" s="140"/>
      <c r="S33" s="91"/>
      <c r="T33" s="92"/>
      <c r="U33" s="29"/>
    </row>
    <row r="34" spans="2:24" s="28" customFormat="1" ht="130.35" customHeight="1">
      <c r="B34" s="78">
        <v>22</v>
      </c>
      <c r="C34" s="127" t="s">
        <v>16</v>
      </c>
      <c r="D34" s="128" t="s">
        <v>9</v>
      </c>
      <c r="E34" s="128"/>
      <c r="F34" s="138" t="s">
        <v>404</v>
      </c>
      <c r="G34" s="130" t="s">
        <v>405</v>
      </c>
      <c r="H34" s="145">
        <v>1780</v>
      </c>
      <c r="I34" s="103"/>
      <c r="J34" s="109"/>
      <c r="K34" s="86"/>
      <c r="L34" s="78">
        <v>47</v>
      </c>
      <c r="M34" s="127"/>
      <c r="N34" s="128"/>
      <c r="O34" s="128"/>
      <c r="P34" s="99"/>
      <c r="Q34" s="139"/>
      <c r="R34" s="140"/>
      <c r="S34" s="91"/>
      <c r="T34" s="92"/>
      <c r="U34" s="29"/>
    </row>
    <row r="35" spans="2:24" s="28" customFormat="1" ht="130.35" customHeight="1">
      <c r="B35" s="98">
        <v>23</v>
      </c>
      <c r="C35" s="127" t="s">
        <v>16</v>
      </c>
      <c r="D35" s="128" t="s">
        <v>9</v>
      </c>
      <c r="E35" s="128"/>
      <c r="F35" s="138" t="s">
        <v>406</v>
      </c>
      <c r="G35" s="130" t="s">
        <v>407</v>
      </c>
      <c r="H35" s="145">
        <v>1850</v>
      </c>
      <c r="I35" s="103"/>
      <c r="J35" s="109"/>
      <c r="K35" s="86"/>
      <c r="L35" s="78">
        <v>48</v>
      </c>
      <c r="M35" s="127"/>
      <c r="N35" s="128"/>
      <c r="O35" s="128"/>
      <c r="P35" s="99"/>
      <c r="Q35" s="139"/>
      <c r="R35" s="140"/>
      <c r="S35" s="91"/>
      <c r="T35" s="92"/>
      <c r="U35" s="29"/>
    </row>
    <row r="36" spans="2:24" s="28" customFormat="1" ht="130.35" customHeight="1">
      <c r="B36" s="78">
        <v>24</v>
      </c>
      <c r="C36" s="127" t="s">
        <v>14</v>
      </c>
      <c r="D36" s="128" t="s">
        <v>9</v>
      </c>
      <c r="E36" s="128"/>
      <c r="F36" s="138" t="s">
        <v>408</v>
      </c>
      <c r="G36" s="130" t="s">
        <v>409</v>
      </c>
      <c r="H36" s="145">
        <v>1780</v>
      </c>
      <c r="I36" s="103"/>
      <c r="J36" s="109"/>
      <c r="K36" s="86"/>
      <c r="L36" s="78">
        <v>49</v>
      </c>
      <c r="M36" s="127"/>
      <c r="N36" s="128"/>
      <c r="O36" s="128"/>
      <c r="P36" s="99"/>
      <c r="Q36" s="139"/>
      <c r="R36" s="140"/>
      <c r="S36" s="91"/>
      <c r="T36" s="92"/>
      <c r="U36" s="29"/>
    </row>
    <row r="37" spans="2:24" s="28" customFormat="1" ht="130.35" customHeight="1">
      <c r="B37" s="78">
        <v>25</v>
      </c>
      <c r="C37" s="127" t="s">
        <v>13</v>
      </c>
      <c r="D37" s="128" t="s">
        <v>9</v>
      </c>
      <c r="E37" s="128"/>
      <c r="F37" s="138" t="s">
        <v>410</v>
      </c>
      <c r="G37" s="130" t="s">
        <v>411</v>
      </c>
      <c r="H37" s="145">
        <v>1680</v>
      </c>
      <c r="I37" s="103"/>
      <c r="J37" s="109"/>
      <c r="K37" s="86"/>
      <c r="L37" s="78">
        <v>50</v>
      </c>
      <c r="M37" s="127"/>
      <c r="N37" s="128"/>
      <c r="O37" s="128"/>
      <c r="P37" s="99"/>
      <c r="Q37" s="139"/>
      <c r="R37" s="140"/>
      <c r="S37" s="91"/>
      <c r="T37" s="92"/>
      <c r="U37" s="29"/>
    </row>
    <row r="38" spans="2:24" s="35" customFormat="1" ht="96.6" customHeight="1">
      <c r="B38" s="31"/>
      <c r="E38" s="69"/>
      <c r="K38" s="17"/>
      <c r="L38" s="31"/>
      <c r="M38" s="31"/>
      <c r="N38" s="31"/>
      <c r="O38" s="31"/>
      <c r="P38" s="31"/>
      <c r="Q38" s="31"/>
      <c r="R38" s="31"/>
      <c r="S38" s="1"/>
      <c r="T38" s="31"/>
      <c r="U38" s="34"/>
    </row>
    <row r="39" spans="2:24" s="35" customFormat="1" ht="30.6" customHeight="1">
      <c r="B39" s="31"/>
      <c r="C39" s="31"/>
      <c r="D39" s="31"/>
      <c r="E39" s="1"/>
      <c r="F39" s="31"/>
      <c r="G39" s="31"/>
      <c r="H39" s="32"/>
      <c r="I39" s="32"/>
      <c r="J39" s="32"/>
      <c r="K39" s="17"/>
      <c r="L39" s="1"/>
      <c r="M39" s="1"/>
      <c r="N39" s="1"/>
      <c r="O39" s="1"/>
      <c r="P39" s="3"/>
      <c r="Q39" s="1"/>
      <c r="R39" s="33"/>
      <c r="S39" s="1"/>
      <c r="T39" s="36"/>
      <c r="U39" s="37"/>
      <c r="V39" s="38"/>
      <c r="W39" s="38"/>
      <c r="X39" s="38"/>
    </row>
    <row r="40" spans="2:24" s="1" customFormat="1" ht="48.95" customHeight="1">
      <c r="E40" s="42"/>
      <c r="I40" s="32"/>
      <c r="J40" s="32"/>
      <c r="K40" s="39"/>
      <c r="L40" s="40"/>
      <c r="M40" s="42"/>
      <c r="N40" s="42"/>
      <c r="O40" s="42"/>
      <c r="P40" s="43"/>
      <c r="Q40" s="42"/>
      <c r="R40" s="45"/>
      <c r="T40" s="34"/>
      <c r="U40" s="34"/>
      <c r="V40" s="34"/>
      <c r="W40" s="34"/>
      <c r="X40" s="34"/>
    </row>
    <row r="41" spans="2:24" ht="13.5">
      <c r="B41" s="40"/>
      <c r="C41" s="40"/>
      <c r="D41" s="40"/>
      <c r="E41" s="40"/>
      <c r="F41" s="40"/>
      <c r="G41" s="40"/>
      <c r="H41" s="40"/>
      <c r="L41" s="40"/>
      <c r="M41" s="40"/>
      <c r="N41" s="40"/>
      <c r="O41" s="40"/>
      <c r="P41" s="40"/>
      <c r="Q41" s="40"/>
      <c r="R41" s="40"/>
      <c r="S41" s="40"/>
    </row>
    <row r="42" spans="2:24" ht="13.5">
      <c r="B42" s="40"/>
      <c r="C42" s="40"/>
      <c r="D42" s="40"/>
      <c r="E42" s="40"/>
      <c r="F42" s="40"/>
      <c r="G42" s="40"/>
      <c r="H42" s="40"/>
      <c r="L42" s="40"/>
      <c r="M42" s="40"/>
      <c r="N42" s="40"/>
      <c r="O42" s="40"/>
      <c r="P42" s="40"/>
      <c r="Q42" s="40"/>
      <c r="R42" s="40"/>
      <c r="S42" s="40"/>
    </row>
    <row r="43" spans="2:24" ht="13.5">
      <c r="B43" s="40"/>
      <c r="C43" s="40"/>
      <c r="D43" s="40"/>
      <c r="E43" s="40"/>
      <c r="F43" s="40"/>
      <c r="G43" s="40"/>
      <c r="H43" s="40"/>
      <c r="L43" s="40"/>
      <c r="M43" s="40"/>
      <c r="N43" s="40"/>
      <c r="O43" s="40"/>
      <c r="P43" s="40"/>
      <c r="Q43" s="40"/>
      <c r="R43" s="40"/>
      <c r="S43" s="40"/>
    </row>
    <row r="44" spans="2:24" ht="13.5">
      <c r="B44" s="40"/>
      <c r="C44" s="40"/>
      <c r="D44" s="40"/>
      <c r="E44" s="40"/>
      <c r="F44" s="40"/>
      <c r="G44" s="40"/>
      <c r="H44" s="40"/>
      <c r="L44" s="40"/>
      <c r="M44" s="40"/>
      <c r="N44" s="40"/>
      <c r="O44" s="40"/>
      <c r="P44" s="40"/>
      <c r="Q44" s="40"/>
      <c r="R44" s="40"/>
      <c r="S44" s="40"/>
    </row>
    <row r="45" spans="2:24" ht="13.5">
      <c r="B45" s="40"/>
      <c r="C45" s="40"/>
      <c r="D45" s="40"/>
      <c r="E45" s="40"/>
      <c r="F45" s="40"/>
      <c r="G45" s="40"/>
      <c r="H45" s="40"/>
      <c r="L45" s="40"/>
      <c r="M45" s="40"/>
      <c r="N45" s="40"/>
      <c r="O45" s="40"/>
      <c r="P45" s="40"/>
      <c r="Q45" s="40"/>
      <c r="R45" s="40"/>
      <c r="S45" s="40"/>
    </row>
    <row r="46" spans="2:24" ht="13.5">
      <c r="B46" s="40"/>
      <c r="C46" s="40"/>
      <c r="D46" s="40"/>
      <c r="E46" s="40"/>
      <c r="F46" s="40"/>
      <c r="G46" s="40"/>
      <c r="H46" s="40"/>
      <c r="L46" s="40"/>
      <c r="M46" s="40"/>
      <c r="N46" s="40"/>
      <c r="O46" s="40"/>
      <c r="P46" s="40"/>
      <c r="Q46" s="40"/>
      <c r="R46" s="40"/>
      <c r="S46" s="40"/>
    </row>
    <row r="47" spans="2:24" ht="13.5">
      <c r="B47" s="40"/>
      <c r="C47" s="40"/>
      <c r="D47" s="40"/>
      <c r="E47" s="40"/>
      <c r="F47" s="40"/>
      <c r="G47" s="40"/>
      <c r="H47" s="40"/>
      <c r="L47" s="40"/>
      <c r="M47" s="40"/>
      <c r="N47" s="40"/>
      <c r="O47" s="40"/>
      <c r="P47" s="40"/>
      <c r="Q47" s="40"/>
      <c r="R47" s="40"/>
      <c r="S47" s="40"/>
    </row>
    <row r="48" spans="2:24" ht="13.5">
      <c r="B48" s="40"/>
      <c r="C48" s="40"/>
      <c r="D48" s="40"/>
      <c r="E48" s="40"/>
      <c r="F48" s="40"/>
      <c r="G48" s="40"/>
      <c r="H48" s="40"/>
      <c r="L48" s="40"/>
      <c r="M48" s="40"/>
      <c r="N48" s="40"/>
      <c r="O48" s="40"/>
      <c r="P48" s="40"/>
      <c r="Q48" s="40"/>
      <c r="R48" s="40"/>
      <c r="S48" s="40"/>
    </row>
    <row r="49" spans="2:19" ht="13.5">
      <c r="B49" s="40"/>
      <c r="C49" s="40"/>
      <c r="D49" s="40"/>
      <c r="E49" s="40"/>
      <c r="F49" s="40"/>
      <c r="G49" s="40"/>
      <c r="H49" s="40"/>
      <c r="L49" s="40"/>
      <c r="M49" s="40"/>
      <c r="N49" s="40"/>
      <c r="O49" s="40"/>
      <c r="P49" s="40"/>
      <c r="Q49" s="40"/>
      <c r="R49" s="40"/>
      <c r="S49" s="40"/>
    </row>
    <row r="50" spans="2:19" ht="13.5">
      <c r="B50" s="40"/>
      <c r="C50" s="40"/>
      <c r="D50" s="40"/>
      <c r="E50" s="40"/>
      <c r="F50" s="40"/>
      <c r="G50" s="40"/>
      <c r="H50" s="40"/>
      <c r="L50" s="40"/>
      <c r="M50" s="40"/>
      <c r="N50" s="40"/>
      <c r="O50" s="40"/>
      <c r="P50" s="40"/>
      <c r="Q50" s="40"/>
      <c r="R50" s="40"/>
      <c r="S50" s="40"/>
    </row>
    <row r="51" spans="2:19" ht="13.5">
      <c r="B51" s="40"/>
      <c r="C51" s="40"/>
      <c r="D51" s="40"/>
      <c r="E51" s="40"/>
      <c r="F51" s="40"/>
      <c r="G51" s="40"/>
      <c r="H51" s="40"/>
      <c r="L51" s="40"/>
      <c r="M51" s="40"/>
      <c r="N51" s="40"/>
      <c r="O51" s="40"/>
      <c r="P51" s="40"/>
      <c r="Q51" s="40"/>
      <c r="R51" s="40"/>
      <c r="S51" s="40"/>
    </row>
    <row r="52" spans="2:19" ht="13.5">
      <c r="B52" s="40"/>
      <c r="C52" s="40"/>
      <c r="D52" s="40"/>
      <c r="E52" s="40"/>
      <c r="F52" s="40"/>
      <c r="G52" s="40"/>
      <c r="H52" s="40"/>
      <c r="L52" s="40"/>
      <c r="M52" s="40"/>
      <c r="N52" s="40"/>
      <c r="O52" s="40"/>
      <c r="P52" s="40"/>
      <c r="Q52" s="40"/>
      <c r="R52" s="40"/>
      <c r="S52" s="40"/>
    </row>
    <row r="53" spans="2:19" ht="13.5">
      <c r="B53" s="40"/>
      <c r="C53" s="40"/>
      <c r="D53" s="40"/>
      <c r="E53" s="40"/>
      <c r="F53" s="40"/>
      <c r="G53" s="40"/>
      <c r="H53" s="40"/>
      <c r="L53" s="40"/>
      <c r="M53" s="40"/>
      <c r="N53" s="40"/>
      <c r="O53" s="40"/>
      <c r="P53" s="40"/>
      <c r="Q53" s="40"/>
      <c r="R53" s="40"/>
      <c r="S53" s="40"/>
    </row>
    <row r="54" spans="2:19" ht="54.95" customHeight="1">
      <c r="B54" s="40"/>
      <c r="C54" s="40"/>
      <c r="D54" s="40"/>
      <c r="E54" s="40"/>
      <c r="F54" s="40"/>
      <c r="G54" s="40"/>
      <c r="H54" s="40"/>
      <c r="L54" s="40"/>
      <c r="M54" s="40"/>
      <c r="N54" s="40"/>
      <c r="O54" s="40"/>
      <c r="P54" s="40"/>
      <c r="Q54" s="40"/>
      <c r="R54" s="40"/>
      <c r="S54" s="40"/>
    </row>
    <row r="55" spans="2:19" ht="13.5">
      <c r="B55" s="40"/>
      <c r="C55" s="40"/>
      <c r="D55" s="40"/>
      <c r="E55" s="40"/>
      <c r="F55" s="40"/>
      <c r="G55" s="40"/>
      <c r="H55" s="40"/>
      <c r="L55" s="40"/>
      <c r="M55" s="40"/>
      <c r="N55" s="40"/>
      <c r="O55" s="40"/>
      <c r="P55" s="40"/>
      <c r="Q55" s="40"/>
      <c r="R55" s="40"/>
      <c r="S55" s="40"/>
    </row>
    <row r="56" spans="2:19" ht="13.5">
      <c r="B56" s="40"/>
      <c r="C56" s="40"/>
      <c r="D56" s="40"/>
      <c r="E56" s="40"/>
      <c r="F56" s="40"/>
      <c r="G56" s="40"/>
      <c r="H56" s="40"/>
      <c r="L56" s="40"/>
      <c r="M56" s="40"/>
      <c r="N56" s="40"/>
      <c r="O56" s="40"/>
      <c r="P56" s="40"/>
      <c r="Q56" s="40"/>
      <c r="R56" s="40"/>
      <c r="S56" s="40"/>
    </row>
    <row r="57" spans="2:19" ht="13.5">
      <c r="B57" s="40"/>
      <c r="C57" s="40"/>
      <c r="D57" s="40"/>
      <c r="E57" s="40"/>
      <c r="F57" s="40"/>
      <c r="G57" s="40"/>
      <c r="H57" s="40"/>
      <c r="L57" s="40"/>
      <c r="M57" s="40"/>
      <c r="N57" s="40"/>
      <c r="O57" s="40"/>
      <c r="P57" s="40"/>
      <c r="Q57" s="40"/>
      <c r="R57" s="40"/>
      <c r="S57" s="40"/>
    </row>
    <row r="58" spans="2:19" ht="13.5">
      <c r="B58" s="40"/>
      <c r="C58" s="40"/>
      <c r="D58" s="40"/>
      <c r="E58" s="40"/>
      <c r="F58" s="40"/>
      <c r="G58" s="40"/>
      <c r="H58" s="40"/>
      <c r="L58" s="40"/>
      <c r="M58" s="40"/>
      <c r="N58" s="40"/>
      <c r="O58" s="40"/>
      <c r="P58" s="40"/>
      <c r="Q58" s="40"/>
      <c r="R58" s="40"/>
      <c r="S58" s="40"/>
    </row>
    <row r="59" spans="2:19" ht="13.5">
      <c r="B59" s="40"/>
      <c r="C59" s="40"/>
      <c r="D59" s="40"/>
      <c r="E59" s="40"/>
      <c r="F59" s="40"/>
      <c r="G59" s="40"/>
      <c r="H59" s="40"/>
      <c r="L59" s="40"/>
      <c r="M59" s="40"/>
      <c r="N59" s="40"/>
      <c r="O59" s="40"/>
      <c r="P59" s="40"/>
      <c r="Q59" s="40"/>
      <c r="R59" s="40"/>
      <c r="S59" s="40"/>
    </row>
    <row r="60" spans="2:19" ht="13.5">
      <c r="B60" s="40"/>
      <c r="C60" s="40"/>
      <c r="D60" s="40"/>
      <c r="E60" s="40"/>
      <c r="F60" s="40"/>
      <c r="G60" s="40"/>
      <c r="H60" s="40"/>
      <c r="L60" s="40"/>
      <c r="M60" s="40"/>
      <c r="N60" s="40"/>
      <c r="O60" s="40"/>
      <c r="P60" s="40"/>
      <c r="Q60" s="40"/>
      <c r="R60" s="40"/>
      <c r="S60" s="40"/>
    </row>
    <row r="61" spans="2:19" ht="13.5">
      <c r="B61" s="40"/>
      <c r="C61" s="40"/>
      <c r="D61" s="40"/>
      <c r="E61" s="40"/>
      <c r="F61" s="40"/>
      <c r="G61" s="40"/>
      <c r="H61" s="40"/>
      <c r="L61" s="40"/>
      <c r="M61" s="40"/>
      <c r="N61" s="40"/>
      <c r="O61" s="40"/>
      <c r="P61" s="40"/>
      <c r="Q61" s="40"/>
      <c r="R61" s="40"/>
      <c r="S61" s="40"/>
    </row>
    <row r="62" spans="2:19" ht="13.5">
      <c r="B62" s="40"/>
      <c r="C62" s="40"/>
      <c r="D62" s="40"/>
      <c r="E62" s="40"/>
      <c r="F62" s="40"/>
      <c r="G62" s="40"/>
      <c r="H62" s="40"/>
      <c r="L62" s="40"/>
      <c r="M62" s="40"/>
      <c r="N62" s="40"/>
      <c r="O62" s="40"/>
      <c r="P62" s="40"/>
      <c r="Q62" s="40"/>
      <c r="R62" s="40"/>
      <c r="S62" s="40"/>
    </row>
    <row r="63" spans="2:19" ht="13.5">
      <c r="B63" s="40"/>
      <c r="C63" s="40"/>
      <c r="D63" s="40"/>
      <c r="E63" s="40"/>
      <c r="F63" s="40"/>
      <c r="G63" s="40"/>
      <c r="H63" s="40"/>
      <c r="L63" s="40"/>
      <c r="M63" s="40"/>
      <c r="N63" s="40"/>
      <c r="O63" s="40"/>
      <c r="P63" s="40"/>
      <c r="Q63" s="40"/>
      <c r="R63" s="40"/>
      <c r="S63" s="40"/>
    </row>
    <row r="64" spans="2:19" ht="13.5">
      <c r="B64" s="40"/>
      <c r="C64" s="40"/>
      <c r="D64" s="40"/>
      <c r="E64" s="40"/>
      <c r="F64" s="40"/>
      <c r="G64" s="40"/>
      <c r="H64" s="40"/>
      <c r="L64" s="40"/>
      <c r="M64" s="40"/>
      <c r="N64" s="40"/>
      <c r="O64" s="40"/>
      <c r="P64" s="40"/>
      <c r="Q64" s="40"/>
      <c r="R64" s="40"/>
      <c r="S64" s="40"/>
    </row>
    <row r="65" spans="2:19" ht="13.5">
      <c r="B65" s="40"/>
      <c r="C65" s="40"/>
      <c r="D65" s="40"/>
      <c r="E65" s="40"/>
      <c r="F65" s="40"/>
      <c r="G65" s="40"/>
      <c r="H65" s="40"/>
      <c r="L65" s="40"/>
      <c r="M65" s="40"/>
      <c r="N65" s="40"/>
      <c r="O65" s="40"/>
      <c r="P65" s="40"/>
      <c r="Q65" s="40"/>
      <c r="R65" s="40"/>
      <c r="S65" s="40"/>
    </row>
    <row r="66" spans="2:19" ht="13.5">
      <c r="B66" s="40"/>
      <c r="C66" s="40"/>
      <c r="D66" s="40"/>
      <c r="E66" s="40"/>
      <c r="F66" s="40"/>
      <c r="G66" s="40"/>
      <c r="H66" s="40"/>
      <c r="L66" s="40"/>
      <c r="M66" s="40"/>
      <c r="N66" s="40"/>
      <c r="O66" s="40"/>
      <c r="P66" s="40"/>
      <c r="Q66" s="40"/>
      <c r="R66" s="40"/>
      <c r="S66" s="40"/>
    </row>
    <row r="67" spans="2:19" ht="13.5">
      <c r="B67" s="40"/>
      <c r="C67" s="40"/>
      <c r="D67" s="40"/>
      <c r="E67" s="40"/>
      <c r="F67" s="40"/>
      <c r="G67" s="40"/>
      <c r="H67" s="40"/>
      <c r="L67" s="40"/>
      <c r="M67" s="40"/>
      <c r="N67" s="40"/>
      <c r="O67" s="40"/>
      <c r="P67" s="40"/>
      <c r="Q67" s="40"/>
      <c r="R67" s="40"/>
      <c r="S67" s="40"/>
    </row>
    <row r="68" spans="2:19" ht="13.5">
      <c r="B68" s="40"/>
      <c r="C68" s="40"/>
      <c r="D68" s="40"/>
      <c r="E68" s="40"/>
      <c r="F68" s="40"/>
      <c r="G68" s="40"/>
      <c r="H68" s="40"/>
      <c r="L68" s="40"/>
      <c r="M68" s="40"/>
      <c r="N68" s="40"/>
      <c r="O68" s="40"/>
      <c r="P68" s="40"/>
      <c r="Q68" s="40"/>
      <c r="R68" s="40"/>
      <c r="S68" s="40"/>
    </row>
    <row r="69" spans="2:19" ht="13.5">
      <c r="B69" s="40"/>
      <c r="C69" s="40"/>
      <c r="D69" s="40"/>
      <c r="E69" s="40"/>
      <c r="F69" s="40"/>
      <c r="G69" s="40"/>
      <c r="H69" s="40"/>
      <c r="L69" s="40"/>
      <c r="M69" s="40"/>
      <c r="N69" s="40"/>
      <c r="O69" s="40"/>
      <c r="P69" s="40"/>
      <c r="Q69" s="40"/>
      <c r="R69" s="40"/>
      <c r="S69" s="40"/>
    </row>
    <row r="70" spans="2:19" ht="13.5">
      <c r="B70" s="40"/>
      <c r="C70" s="40"/>
      <c r="D70" s="40"/>
      <c r="E70" s="40"/>
      <c r="F70" s="40"/>
      <c r="G70" s="40"/>
      <c r="H70" s="40"/>
      <c r="L70" s="40"/>
      <c r="M70" s="40"/>
      <c r="N70" s="40"/>
      <c r="O70" s="40"/>
      <c r="P70" s="40"/>
      <c r="Q70" s="40"/>
      <c r="R70" s="40"/>
      <c r="S70" s="40"/>
    </row>
    <row r="71" spans="2:19" ht="13.5">
      <c r="B71" s="40"/>
      <c r="C71" s="40"/>
      <c r="D71" s="40"/>
      <c r="E71" s="40"/>
      <c r="F71" s="40"/>
      <c r="G71" s="40"/>
      <c r="H71" s="40"/>
      <c r="L71" s="40"/>
      <c r="M71" s="40"/>
      <c r="N71" s="40"/>
      <c r="O71" s="40"/>
      <c r="P71" s="40"/>
      <c r="Q71" s="40"/>
      <c r="R71" s="40"/>
      <c r="S71" s="40"/>
    </row>
    <row r="72" spans="2:19" ht="13.5">
      <c r="B72" s="40"/>
      <c r="C72" s="40"/>
      <c r="D72" s="40"/>
      <c r="E72" s="40"/>
      <c r="F72" s="40"/>
      <c r="G72" s="40"/>
      <c r="H72" s="40"/>
      <c r="L72" s="40"/>
      <c r="M72" s="40"/>
      <c r="N72" s="40"/>
      <c r="O72" s="40"/>
      <c r="P72" s="40"/>
      <c r="Q72" s="40"/>
      <c r="R72" s="40"/>
      <c r="S72" s="40"/>
    </row>
    <row r="73" spans="2:19" ht="13.5">
      <c r="B73" s="40"/>
      <c r="C73" s="40"/>
      <c r="D73" s="40"/>
      <c r="E73" s="40"/>
      <c r="F73" s="40"/>
      <c r="G73" s="40"/>
      <c r="H73" s="40"/>
      <c r="L73" s="40"/>
      <c r="M73" s="40"/>
      <c r="N73" s="40"/>
      <c r="O73" s="40"/>
      <c r="P73" s="40"/>
      <c r="Q73" s="40"/>
      <c r="R73" s="40"/>
      <c r="S73" s="40"/>
    </row>
    <row r="74" spans="2:19" ht="13.5">
      <c r="B74" s="40"/>
      <c r="C74" s="40"/>
      <c r="D74" s="40"/>
      <c r="E74" s="40"/>
      <c r="F74" s="40"/>
      <c r="G74" s="40"/>
      <c r="H74" s="40"/>
      <c r="L74" s="40"/>
      <c r="M74" s="40"/>
      <c r="N74" s="40"/>
      <c r="O74" s="40"/>
      <c r="P74" s="40"/>
      <c r="Q74" s="40"/>
      <c r="R74" s="40"/>
      <c r="S74" s="40"/>
    </row>
    <row r="75" spans="2:19" ht="13.5">
      <c r="B75" s="40"/>
      <c r="C75" s="40"/>
      <c r="D75" s="40"/>
      <c r="E75" s="40"/>
      <c r="F75" s="40"/>
      <c r="G75" s="40"/>
      <c r="H75" s="40"/>
      <c r="L75" s="40"/>
      <c r="M75" s="40"/>
      <c r="N75" s="40"/>
      <c r="O75" s="40"/>
      <c r="P75" s="40"/>
      <c r="Q75" s="40"/>
      <c r="R75" s="40"/>
      <c r="S75" s="40"/>
    </row>
    <row r="76" spans="2:19" ht="13.5">
      <c r="B76" s="40"/>
      <c r="C76" s="40"/>
      <c r="D76" s="40"/>
      <c r="E76" s="40"/>
      <c r="F76" s="40"/>
      <c r="G76" s="40"/>
      <c r="H76" s="40"/>
      <c r="L76" s="40"/>
      <c r="M76" s="40"/>
      <c r="N76" s="40"/>
      <c r="O76" s="40"/>
      <c r="P76" s="40"/>
      <c r="Q76" s="40"/>
      <c r="R76" s="40"/>
      <c r="S76" s="40"/>
    </row>
    <row r="77" spans="2:19" ht="13.5">
      <c r="B77" s="40"/>
      <c r="C77" s="40"/>
      <c r="D77" s="40"/>
      <c r="E77" s="40"/>
      <c r="F77" s="40"/>
      <c r="G77" s="40"/>
      <c r="H77" s="40"/>
      <c r="L77" s="40"/>
      <c r="M77" s="40"/>
      <c r="N77" s="40"/>
      <c r="O77" s="40"/>
      <c r="P77" s="40"/>
      <c r="Q77" s="40"/>
      <c r="R77" s="40"/>
      <c r="S77" s="40"/>
    </row>
    <row r="78" spans="2:19" ht="13.5">
      <c r="B78" s="40"/>
      <c r="C78" s="40"/>
      <c r="D78" s="40"/>
      <c r="E78" s="40"/>
      <c r="F78" s="40"/>
      <c r="G78" s="40"/>
      <c r="H78" s="40"/>
      <c r="L78" s="40"/>
      <c r="M78" s="40"/>
      <c r="N78" s="40"/>
      <c r="O78" s="40"/>
      <c r="P78" s="40"/>
      <c r="Q78" s="40"/>
      <c r="R78" s="40"/>
      <c r="S78" s="40"/>
    </row>
    <row r="79" spans="2:19" ht="13.5">
      <c r="B79" s="40"/>
      <c r="C79" s="40"/>
      <c r="D79" s="40"/>
      <c r="E79" s="40"/>
      <c r="F79" s="40"/>
      <c r="G79" s="40"/>
      <c r="H79" s="40"/>
      <c r="L79" s="40"/>
      <c r="M79" s="40"/>
      <c r="N79" s="40"/>
      <c r="O79" s="40"/>
      <c r="P79" s="40"/>
      <c r="Q79" s="40"/>
      <c r="R79" s="40"/>
      <c r="S79" s="40"/>
    </row>
    <row r="80" spans="2:19" ht="13.5">
      <c r="B80" s="40"/>
      <c r="C80" s="40"/>
      <c r="D80" s="40"/>
      <c r="E80" s="40"/>
      <c r="F80" s="40"/>
      <c r="G80" s="40"/>
      <c r="H80" s="40"/>
      <c r="L80" s="40"/>
      <c r="M80" s="40"/>
      <c r="N80" s="40"/>
      <c r="O80" s="40"/>
      <c r="P80" s="40"/>
      <c r="Q80" s="40"/>
      <c r="R80" s="40"/>
      <c r="S80" s="40"/>
    </row>
    <row r="81" spans="2:19" ht="13.5">
      <c r="B81" s="40"/>
      <c r="C81" s="40"/>
      <c r="D81" s="40"/>
      <c r="E81" s="40"/>
      <c r="F81" s="40"/>
      <c r="G81" s="40"/>
      <c r="H81" s="40"/>
      <c r="L81" s="40"/>
      <c r="M81" s="40"/>
      <c r="N81" s="40"/>
      <c r="O81" s="40"/>
      <c r="P81" s="40"/>
      <c r="Q81" s="40"/>
      <c r="R81" s="40"/>
      <c r="S81" s="40"/>
    </row>
    <row r="82" spans="2:19" ht="13.5">
      <c r="B82" s="40"/>
      <c r="C82" s="40"/>
      <c r="D82" s="40"/>
      <c r="E82" s="40"/>
      <c r="F82" s="40"/>
      <c r="G82" s="40"/>
      <c r="H82" s="40"/>
      <c r="L82" s="40"/>
      <c r="M82" s="40"/>
      <c r="N82" s="40"/>
      <c r="O82" s="40"/>
      <c r="P82" s="40"/>
      <c r="Q82" s="40"/>
      <c r="R82" s="40"/>
      <c r="S82" s="40"/>
    </row>
    <row r="83" spans="2:19" ht="13.5">
      <c r="B83" s="40"/>
      <c r="C83" s="40"/>
      <c r="D83" s="40"/>
      <c r="E83" s="40"/>
      <c r="F83" s="40"/>
      <c r="G83" s="40"/>
      <c r="H83" s="40"/>
      <c r="L83" s="40"/>
      <c r="M83" s="40"/>
      <c r="N83" s="40"/>
      <c r="O83" s="40"/>
      <c r="P83" s="40"/>
      <c r="Q83" s="40"/>
      <c r="R83" s="40"/>
      <c r="S83" s="40"/>
    </row>
    <row r="84" spans="2:19" ht="13.5">
      <c r="B84" s="40"/>
      <c r="C84" s="40"/>
      <c r="D84" s="40"/>
      <c r="E84" s="40"/>
      <c r="F84" s="40"/>
      <c r="G84" s="40"/>
      <c r="H84" s="40"/>
      <c r="L84" s="40"/>
      <c r="M84" s="40"/>
      <c r="N84" s="40"/>
      <c r="O84" s="40"/>
      <c r="P84" s="40"/>
      <c r="Q84" s="40"/>
      <c r="R84" s="40"/>
      <c r="S84" s="40"/>
    </row>
    <row r="85" spans="2:19" ht="13.5">
      <c r="B85" s="40"/>
      <c r="C85" s="40"/>
      <c r="D85" s="40"/>
      <c r="E85" s="40"/>
      <c r="F85" s="40"/>
      <c r="G85" s="40"/>
      <c r="H85" s="40"/>
      <c r="L85" s="40"/>
      <c r="M85" s="40"/>
      <c r="N85" s="40"/>
      <c r="O85" s="40"/>
      <c r="P85" s="40"/>
      <c r="Q85" s="40"/>
      <c r="R85" s="40"/>
      <c r="S85" s="40"/>
    </row>
    <row r="86" spans="2:19" ht="13.5">
      <c r="B86" s="40"/>
      <c r="C86" s="40"/>
      <c r="D86" s="40"/>
      <c r="E86" s="40"/>
      <c r="F86" s="40"/>
      <c r="G86" s="40"/>
      <c r="H86" s="40"/>
      <c r="L86" s="40"/>
      <c r="M86" s="40"/>
      <c r="N86" s="40"/>
      <c r="O86" s="40"/>
      <c r="P86" s="40"/>
      <c r="Q86" s="40"/>
      <c r="R86" s="40"/>
      <c r="S86" s="40"/>
    </row>
    <row r="87" spans="2:19" ht="13.5">
      <c r="B87" s="40"/>
      <c r="C87" s="40"/>
      <c r="D87" s="40"/>
      <c r="E87" s="40"/>
      <c r="F87" s="40"/>
      <c r="G87" s="40"/>
      <c r="H87" s="40"/>
      <c r="L87" s="40"/>
      <c r="M87" s="40"/>
      <c r="N87" s="40"/>
      <c r="O87" s="40"/>
      <c r="P87" s="40"/>
      <c r="Q87" s="40"/>
      <c r="R87" s="40"/>
      <c r="S87" s="40"/>
    </row>
    <row r="88" spans="2:19" ht="13.5">
      <c r="B88" s="40"/>
      <c r="C88" s="40"/>
      <c r="D88" s="40"/>
      <c r="E88" s="40"/>
      <c r="F88" s="40"/>
      <c r="G88" s="40"/>
      <c r="H88" s="40"/>
      <c r="L88" s="40"/>
      <c r="M88" s="40"/>
      <c r="N88" s="40"/>
      <c r="O88" s="40"/>
      <c r="P88" s="40"/>
      <c r="Q88" s="40"/>
      <c r="R88" s="40"/>
      <c r="S88" s="40"/>
    </row>
    <row r="89" spans="2:19" ht="13.5">
      <c r="B89" s="40"/>
      <c r="C89" s="40"/>
      <c r="D89" s="40"/>
      <c r="E89" s="40"/>
      <c r="F89" s="40"/>
      <c r="G89" s="40"/>
      <c r="H89" s="40"/>
      <c r="L89" s="40"/>
      <c r="M89" s="40"/>
      <c r="N89" s="40"/>
      <c r="O89" s="40"/>
      <c r="P89" s="40"/>
      <c r="Q89" s="40"/>
      <c r="R89" s="40"/>
      <c r="S89" s="40"/>
    </row>
    <row r="90" spans="2:19" ht="13.5">
      <c r="B90" s="40"/>
      <c r="C90" s="40"/>
      <c r="D90" s="40"/>
      <c r="E90" s="40"/>
      <c r="F90" s="40"/>
      <c r="G90" s="40"/>
      <c r="H90" s="40"/>
      <c r="L90" s="40"/>
      <c r="M90" s="40"/>
      <c r="N90" s="40"/>
      <c r="O90" s="40"/>
      <c r="P90" s="40"/>
      <c r="Q90" s="40"/>
      <c r="R90" s="40"/>
      <c r="S90" s="40"/>
    </row>
    <row r="91" spans="2:19" ht="13.5">
      <c r="B91" s="40"/>
      <c r="C91" s="40"/>
      <c r="D91" s="40"/>
      <c r="E91" s="40"/>
      <c r="F91" s="40"/>
      <c r="G91" s="40"/>
      <c r="H91" s="40"/>
      <c r="L91" s="40"/>
      <c r="M91" s="40"/>
      <c r="N91" s="40"/>
      <c r="O91" s="40"/>
      <c r="P91" s="40"/>
      <c r="Q91" s="40"/>
      <c r="R91" s="40"/>
      <c r="S91" s="40"/>
    </row>
    <row r="92" spans="2:19" ht="13.5">
      <c r="B92" s="40"/>
      <c r="C92" s="40"/>
      <c r="D92" s="40"/>
      <c r="E92" s="40"/>
      <c r="F92" s="40"/>
      <c r="G92" s="40"/>
      <c r="H92" s="40"/>
      <c r="L92" s="40"/>
      <c r="M92" s="40"/>
      <c r="N92" s="40"/>
      <c r="O92" s="40"/>
      <c r="P92" s="40"/>
      <c r="Q92" s="40"/>
      <c r="R92" s="40"/>
      <c r="S92" s="40"/>
    </row>
    <row r="93" spans="2:19" ht="13.5">
      <c r="B93" s="40"/>
      <c r="C93" s="40"/>
      <c r="D93" s="40"/>
      <c r="E93" s="40"/>
      <c r="F93" s="40"/>
      <c r="G93" s="40"/>
      <c r="H93" s="40"/>
      <c r="L93" s="40"/>
      <c r="M93" s="40"/>
      <c r="N93" s="40"/>
      <c r="O93" s="40"/>
      <c r="P93" s="40"/>
      <c r="Q93" s="40"/>
      <c r="R93" s="40"/>
      <c r="S93" s="40"/>
    </row>
    <row r="94" spans="2:19" ht="13.5">
      <c r="B94" s="40"/>
      <c r="C94" s="40"/>
      <c r="D94" s="40"/>
      <c r="E94" s="40"/>
      <c r="F94" s="40"/>
      <c r="G94" s="40"/>
      <c r="H94" s="40"/>
      <c r="L94" s="40"/>
      <c r="M94" s="40"/>
      <c r="N94" s="40"/>
      <c r="O94" s="40"/>
      <c r="P94" s="40"/>
      <c r="Q94" s="40"/>
      <c r="R94" s="40"/>
      <c r="S94" s="40"/>
    </row>
    <row r="95" spans="2:19" ht="13.5">
      <c r="B95" s="40"/>
      <c r="C95" s="40"/>
      <c r="D95" s="40"/>
      <c r="E95" s="40"/>
      <c r="F95" s="40"/>
      <c r="G95" s="40"/>
      <c r="H95" s="40"/>
      <c r="L95" s="40"/>
      <c r="M95" s="40"/>
      <c r="N95" s="40"/>
      <c r="O95" s="40"/>
      <c r="P95" s="40"/>
      <c r="Q95" s="40"/>
      <c r="R95" s="40"/>
      <c r="S95" s="40"/>
    </row>
    <row r="96" spans="2:19" ht="13.5">
      <c r="B96" s="40"/>
      <c r="C96" s="40"/>
      <c r="D96" s="40"/>
      <c r="E96" s="40"/>
      <c r="F96" s="40"/>
      <c r="G96" s="40"/>
      <c r="H96" s="40"/>
      <c r="L96" s="40"/>
      <c r="M96" s="40"/>
      <c r="N96" s="40"/>
      <c r="O96" s="40"/>
      <c r="P96" s="40"/>
      <c r="Q96" s="40"/>
      <c r="R96" s="40"/>
      <c r="S96" s="40"/>
    </row>
    <row r="97" spans="2:19" ht="13.5">
      <c r="B97" s="40"/>
      <c r="C97" s="40"/>
      <c r="D97" s="40"/>
      <c r="E97" s="40"/>
      <c r="F97" s="40"/>
      <c r="G97" s="40"/>
      <c r="H97" s="40"/>
      <c r="L97" s="40"/>
      <c r="M97" s="40"/>
      <c r="N97" s="40"/>
      <c r="O97" s="40"/>
      <c r="P97" s="40"/>
      <c r="Q97" s="40"/>
      <c r="R97" s="40"/>
      <c r="S97" s="40"/>
    </row>
    <row r="98" spans="2:19" ht="13.5">
      <c r="B98" s="40"/>
      <c r="C98" s="40"/>
      <c r="D98" s="40"/>
      <c r="E98" s="40"/>
      <c r="F98" s="40"/>
      <c r="G98" s="40"/>
      <c r="H98" s="40"/>
      <c r="L98" s="40"/>
      <c r="M98" s="40"/>
      <c r="N98" s="40"/>
      <c r="O98" s="40"/>
      <c r="P98" s="40"/>
      <c r="Q98" s="40"/>
      <c r="R98" s="40"/>
      <c r="S98" s="40"/>
    </row>
    <row r="99" spans="2:19" ht="13.5">
      <c r="B99" s="40"/>
      <c r="C99" s="40"/>
      <c r="D99" s="40"/>
      <c r="E99" s="40"/>
      <c r="F99" s="40"/>
      <c r="G99" s="40"/>
      <c r="H99" s="40"/>
      <c r="L99" s="40"/>
      <c r="M99" s="40"/>
      <c r="N99" s="40"/>
      <c r="O99" s="40"/>
      <c r="P99" s="40"/>
      <c r="Q99" s="40"/>
      <c r="R99" s="40"/>
      <c r="S99" s="40"/>
    </row>
    <row r="100" spans="2:19" ht="13.5">
      <c r="B100" s="40"/>
      <c r="C100" s="40"/>
      <c r="D100" s="40"/>
      <c r="E100" s="40"/>
      <c r="F100" s="40"/>
      <c r="G100" s="40"/>
      <c r="H100" s="40"/>
      <c r="L100" s="40"/>
      <c r="M100" s="40"/>
      <c r="N100" s="40"/>
      <c r="O100" s="40"/>
      <c r="P100" s="40"/>
      <c r="Q100" s="40"/>
      <c r="R100" s="40"/>
      <c r="S100" s="40"/>
    </row>
    <row r="101" spans="2:19" ht="13.5">
      <c r="B101" s="40"/>
      <c r="C101" s="40"/>
      <c r="D101" s="40"/>
      <c r="E101" s="40"/>
      <c r="F101" s="40"/>
      <c r="G101" s="40"/>
      <c r="H101" s="40"/>
      <c r="L101" s="40"/>
      <c r="M101" s="40"/>
      <c r="N101" s="40"/>
      <c r="O101" s="40"/>
      <c r="P101" s="40"/>
      <c r="Q101" s="40"/>
      <c r="R101" s="40"/>
      <c r="S101" s="40"/>
    </row>
    <row r="102" spans="2:19" ht="13.5">
      <c r="B102" s="40"/>
      <c r="C102" s="40"/>
      <c r="D102" s="40"/>
      <c r="E102" s="40"/>
      <c r="F102" s="40"/>
      <c r="G102" s="40"/>
      <c r="H102" s="40"/>
      <c r="L102" s="40"/>
      <c r="M102" s="40"/>
      <c r="N102" s="40"/>
      <c r="O102" s="40"/>
      <c r="P102" s="40"/>
      <c r="Q102" s="40"/>
      <c r="R102" s="40"/>
      <c r="S102" s="40"/>
    </row>
    <row r="103" spans="2:19" ht="13.5">
      <c r="B103" s="40"/>
      <c r="C103" s="40"/>
      <c r="D103" s="40"/>
      <c r="E103" s="40"/>
      <c r="F103" s="40"/>
      <c r="G103" s="40"/>
      <c r="H103" s="40"/>
      <c r="L103" s="40"/>
      <c r="M103" s="40"/>
      <c r="N103" s="40"/>
      <c r="O103" s="40"/>
      <c r="P103" s="40"/>
      <c r="Q103" s="40"/>
      <c r="R103" s="40"/>
      <c r="S103" s="40"/>
    </row>
    <row r="104" spans="2:19" ht="13.5">
      <c r="B104" s="40"/>
      <c r="C104" s="40"/>
      <c r="D104" s="40"/>
      <c r="E104" s="40"/>
      <c r="F104" s="40"/>
      <c r="G104" s="40"/>
      <c r="H104" s="40"/>
      <c r="L104" s="40"/>
      <c r="M104" s="40"/>
      <c r="N104" s="40"/>
      <c r="O104" s="40"/>
      <c r="P104" s="40"/>
      <c r="Q104" s="40"/>
      <c r="R104" s="40"/>
      <c r="S104" s="40"/>
    </row>
    <row r="105" spans="2:19" ht="13.5">
      <c r="B105" s="40"/>
      <c r="C105" s="40"/>
      <c r="D105" s="40"/>
      <c r="E105" s="40"/>
      <c r="F105" s="40"/>
      <c r="G105" s="40"/>
      <c r="H105" s="40"/>
      <c r="L105" s="40"/>
      <c r="M105" s="40"/>
      <c r="N105" s="40"/>
      <c r="O105" s="40"/>
      <c r="P105" s="40"/>
      <c r="Q105" s="40"/>
      <c r="R105" s="40"/>
      <c r="S105" s="40"/>
    </row>
    <row r="106" spans="2:19" ht="13.5">
      <c r="B106" s="40"/>
      <c r="C106" s="40"/>
      <c r="D106" s="40"/>
      <c r="E106" s="40"/>
      <c r="F106" s="40"/>
      <c r="G106" s="40"/>
      <c r="H106" s="40"/>
      <c r="L106" s="40"/>
      <c r="M106" s="40"/>
      <c r="N106" s="40"/>
      <c r="O106" s="40"/>
      <c r="P106" s="40"/>
      <c r="Q106" s="40"/>
      <c r="R106" s="40"/>
      <c r="S106" s="40"/>
    </row>
    <row r="107" spans="2:19" ht="13.5">
      <c r="B107" s="40"/>
      <c r="C107" s="40"/>
      <c r="D107" s="40"/>
      <c r="E107" s="40"/>
      <c r="F107" s="40"/>
      <c r="G107" s="40"/>
      <c r="H107" s="40"/>
      <c r="L107" s="40"/>
      <c r="M107" s="40"/>
      <c r="N107" s="40"/>
      <c r="O107" s="40"/>
      <c r="P107" s="40"/>
      <c r="Q107" s="40"/>
      <c r="R107" s="40"/>
      <c r="S107" s="40"/>
    </row>
    <row r="108" spans="2:19" ht="13.5">
      <c r="B108" s="40"/>
      <c r="C108" s="40"/>
      <c r="D108" s="40"/>
      <c r="E108" s="40"/>
      <c r="F108" s="40"/>
      <c r="G108" s="40"/>
      <c r="H108" s="40"/>
      <c r="L108" s="40"/>
      <c r="M108" s="40"/>
      <c r="N108" s="40"/>
      <c r="O108" s="40"/>
      <c r="P108" s="40"/>
      <c r="Q108" s="40"/>
      <c r="R108" s="40"/>
      <c r="S108" s="40"/>
    </row>
    <row r="109" spans="2:19" ht="13.5">
      <c r="B109" s="40"/>
      <c r="C109" s="40"/>
      <c r="D109" s="40"/>
      <c r="E109" s="40"/>
      <c r="F109" s="40"/>
      <c r="G109" s="40"/>
      <c r="H109" s="40"/>
      <c r="L109" s="40"/>
      <c r="M109" s="40"/>
      <c r="N109" s="40"/>
      <c r="O109" s="40"/>
      <c r="P109" s="40"/>
      <c r="Q109" s="40"/>
      <c r="R109" s="40"/>
      <c r="S109" s="40"/>
    </row>
    <row r="110" spans="2:19" ht="13.5">
      <c r="B110" s="40"/>
      <c r="C110" s="40"/>
      <c r="D110" s="40"/>
      <c r="E110" s="40"/>
      <c r="F110" s="40"/>
      <c r="G110" s="40"/>
      <c r="H110" s="40"/>
      <c r="L110" s="40"/>
      <c r="M110" s="40"/>
      <c r="N110" s="40"/>
      <c r="O110" s="40"/>
      <c r="P110" s="40"/>
      <c r="Q110" s="40"/>
      <c r="R110" s="40"/>
      <c r="S110" s="40"/>
    </row>
    <row r="111" spans="2:19" ht="13.5">
      <c r="B111" s="40"/>
      <c r="C111" s="40"/>
      <c r="D111" s="40"/>
      <c r="E111" s="40"/>
      <c r="F111" s="40"/>
      <c r="G111" s="40"/>
      <c r="H111" s="40"/>
      <c r="L111" s="40"/>
      <c r="M111" s="40"/>
      <c r="N111" s="40"/>
      <c r="O111" s="40"/>
      <c r="P111" s="40"/>
      <c r="Q111" s="40"/>
      <c r="R111" s="40"/>
      <c r="S111" s="40"/>
    </row>
    <row r="112" spans="2:19" ht="13.5">
      <c r="B112" s="40"/>
      <c r="C112" s="40"/>
      <c r="D112" s="40"/>
      <c r="E112" s="40"/>
      <c r="F112" s="40"/>
      <c r="G112" s="40"/>
      <c r="H112" s="40"/>
      <c r="L112" s="40"/>
      <c r="M112" s="40"/>
      <c r="N112" s="40"/>
      <c r="O112" s="40"/>
      <c r="P112" s="40"/>
      <c r="Q112" s="40"/>
      <c r="R112" s="40"/>
      <c r="S112" s="40"/>
    </row>
    <row r="113" spans="2:19" ht="13.5">
      <c r="B113" s="40"/>
      <c r="C113" s="40"/>
      <c r="D113" s="40"/>
      <c r="E113" s="40"/>
      <c r="F113" s="40"/>
      <c r="G113" s="40"/>
      <c r="H113" s="40"/>
      <c r="L113" s="40"/>
      <c r="M113" s="40"/>
      <c r="N113" s="40"/>
      <c r="O113" s="40"/>
      <c r="P113" s="40"/>
      <c r="Q113" s="40"/>
      <c r="R113" s="40"/>
      <c r="S113" s="40"/>
    </row>
    <row r="114" spans="2:19" ht="13.5">
      <c r="B114" s="40"/>
      <c r="C114" s="40"/>
      <c r="D114" s="40"/>
      <c r="E114" s="40"/>
      <c r="F114" s="40"/>
      <c r="G114" s="40"/>
      <c r="H114" s="40"/>
      <c r="L114" s="40"/>
      <c r="M114" s="40"/>
      <c r="N114" s="40"/>
      <c r="O114" s="40"/>
      <c r="P114" s="40"/>
      <c r="Q114" s="40"/>
      <c r="R114" s="40"/>
      <c r="S114" s="40"/>
    </row>
    <row r="115" spans="2:19" ht="13.5">
      <c r="B115" s="40"/>
      <c r="C115" s="40"/>
      <c r="D115" s="40"/>
      <c r="E115" s="40"/>
      <c r="F115" s="40"/>
      <c r="G115" s="40"/>
      <c r="H115" s="40"/>
      <c r="L115" s="40"/>
      <c r="M115" s="40"/>
      <c r="N115" s="40"/>
      <c r="O115" s="40"/>
      <c r="P115" s="40"/>
      <c r="Q115" s="40"/>
      <c r="R115" s="40"/>
      <c r="S115" s="40"/>
    </row>
    <row r="116" spans="2:19" ht="13.5">
      <c r="B116" s="40"/>
      <c r="C116" s="40"/>
      <c r="D116" s="40"/>
      <c r="E116" s="40"/>
      <c r="F116" s="40"/>
      <c r="G116" s="40"/>
      <c r="H116" s="40"/>
      <c r="L116" s="40"/>
      <c r="M116" s="40"/>
      <c r="N116" s="40"/>
      <c r="O116" s="40"/>
      <c r="P116" s="40"/>
      <c r="Q116" s="40"/>
      <c r="R116" s="40"/>
      <c r="S116" s="40"/>
    </row>
    <row r="117" spans="2:19" ht="13.5">
      <c r="B117" s="40"/>
      <c r="C117" s="40"/>
      <c r="D117" s="40"/>
      <c r="E117" s="40"/>
      <c r="F117" s="40"/>
      <c r="G117" s="40"/>
      <c r="H117" s="40"/>
      <c r="L117" s="40"/>
      <c r="M117" s="40"/>
      <c r="N117" s="40"/>
      <c r="O117" s="40"/>
      <c r="P117" s="40"/>
      <c r="Q117" s="40"/>
      <c r="R117" s="40"/>
      <c r="S117" s="40"/>
    </row>
    <row r="118" spans="2:19" ht="13.5">
      <c r="B118" s="40"/>
      <c r="C118" s="40"/>
      <c r="D118" s="40"/>
      <c r="E118" s="40"/>
      <c r="F118" s="40"/>
      <c r="G118" s="40"/>
      <c r="H118" s="40"/>
      <c r="L118" s="40"/>
      <c r="M118" s="40"/>
      <c r="N118" s="40"/>
      <c r="O118" s="40"/>
      <c r="P118" s="40"/>
      <c r="Q118" s="40"/>
      <c r="R118" s="40"/>
      <c r="S118" s="40"/>
    </row>
    <row r="119" spans="2:19" ht="13.5">
      <c r="B119" s="40"/>
      <c r="C119" s="40"/>
      <c r="D119" s="40"/>
      <c r="E119" s="40"/>
      <c r="F119" s="40"/>
      <c r="G119" s="40"/>
      <c r="H119" s="40"/>
      <c r="L119" s="40"/>
      <c r="M119" s="40"/>
      <c r="N119" s="40"/>
      <c r="O119" s="40"/>
      <c r="P119" s="40"/>
      <c r="Q119" s="40"/>
      <c r="R119" s="40"/>
      <c r="S119" s="40"/>
    </row>
    <row r="120" spans="2:19" ht="13.5">
      <c r="B120" s="40"/>
      <c r="C120" s="40"/>
      <c r="D120" s="40"/>
      <c r="E120" s="40"/>
      <c r="F120" s="40"/>
      <c r="G120" s="40"/>
      <c r="H120" s="40"/>
      <c r="L120" s="40"/>
      <c r="M120" s="40"/>
      <c r="N120" s="40"/>
      <c r="O120" s="40"/>
      <c r="P120" s="40"/>
      <c r="Q120" s="40"/>
      <c r="R120" s="40"/>
      <c r="S120" s="40"/>
    </row>
    <row r="121" spans="2:19" ht="13.5">
      <c r="B121" s="40"/>
      <c r="C121" s="40"/>
      <c r="D121" s="40"/>
      <c r="E121" s="40"/>
      <c r="F121" s="40"/>
      <c r="G121" s="40"/>
      <c r="H121" s="40"/>
      <c r="L121" s="40"/>
      <c r="M121" s="40"/>
      <c r="N121" s="40"/>
      <c r="O121" s="40"/>
      <c r="P121" s="40"/>
      <c r="Q121" s="40"/>
      <c r="R121" s="40"/>
      <c r="S121" s="40"/>
    </row>
    <row r="122" spans="2:19" ht="13.5">
      <c r="B122" s="40"/>
      <c r="C122" s="40"/>
      <c r="D122" s="40"/>
      <c r="E122" s="40"/>
      <c r="F122" s="40"/>
      <c r="G122" s="40"/>
      <c r="H122" s="40"/>
      <c r="L122" s="40"/>
      <c r="M122" s="40"/>
      <c r="N122" s="40"/>
      <c r="O122" s="40"/>
      <c r="P122" s="40"/>
      <c r="Q122" s="40"/>
      <c r="R122" s="40"/>
      <c r="S122" s="40"/>
    </row>
    <row r="123" spans="2:19" ht="13.5">
      <c r="B123" s="40"/>
      <c r="C123" s="40"/>
      <c r="D123" s="40"/>
      <c r="E123" s="40"/>
      <c r="F123" s="40"/>
      <c r="G123" s="40"/>
      <c r="H123" s="40"/>
      <c r="L123" s="40"/>
      <c r="M123" s="40"/>
      <c r="N123" s="40"/>
      <c r="O123" s="40"/>
      <c r="P123" s="40"/>
      <c r="Q123" s="40"/>
      <c r="R123" s="40"/>
      <c r="S123" s="40"/>
    </row>
    <row r="124" spans="2:19" ht="13.5">
      <c r="B124" s="40"/>
      <c r="C124" s="40"/>
      <c r="D124" s="40"/>
      <c r="E124" s="40"/>
      <c r="F124" s="40"/>
      <c r="G124" s="40"/>
      <c r="H124" s="40"/>
      <c r="L124" s="40"/>
      <c r="M124" s="40"/>
      <c r="N124" s="40"/>
      <c r="O124" s="40"/>
      <c r="P124" s="40"/>
      <c r="Q124" s="40"/>
      <c r="R124" s="40"/>
      <c r="S124" s="40"/>
    </row>
    <row r="125" spans="2:19" ht="13.5">
      <c r="B125" s="40"/>
      <c r="C125" s="40"/>
      <c r="D125" s="40"/>
      <c r="E125" s="40"/>
      <c r="F125" s="40"/>
      <c r="G125" s="40"/>
      <c r="H125" s="40"/>
      <c r="L125" s="40"/>
      <c r="M125" s="40"/>
      <c r="N125" s="40"/>
      <c r="O125" s="40"/>
      <c r="P125" s="40"/>
      <c r="Q125" s="40"/>
      <c r="R125" s="40"/>
      <c r="S125" s="40"/>
    </row>
    <row r="126" spans="2:19" ht="13.5">
      <c r="B126" s="40"/>
      <c r="C126" s="40"/>
      <c r="D126" s="40"/>
      <c r="E126" s="40"/>
      <c r="F126" s="40"/>
      <c r="G126" s="40"/>
      <c r="H126" s="40"/>
      <c r="L126" s="40"/>
      <c r="M126" s="40"/>
      <c r="N126" s="40"/>
      <c r="O126" s="40"/>
      <c r="P126" s="40"/>
      <c r="Q126" s="40"/>
      <c r="R126" s="40"/>
      <c r="S126" s="40"/>
    </row>
    <row r="127" spans="2:19" ht="13.5">
      <c r="B127" s="40"/>
      <c r="C127" s="40"/>
      <c r="D127" s="40"/>
      <c r="E127" s="40"/>
      <c r="F127" s="40"/>
      <c r="G127" s="40"/>
      <c r="H127" s="40"/>
      <c r="L127" s="40"/>
      <c r="M127" s="40"/>
      <c r="N127" s="40"/>
      <c r="O127" s="40"/>
      <c r="P127" s="40"/>
      <c r="Q127" s="40"/>
      <c r="R127" s="40"/>
      <c r="S127" s="40"/>
    </row>
    <row r="128" spans="2:19" ht="13.5">
      <c r="B128" s="40"/>
      <c r="C128" s="40"/>
      <c r="D128" s="40"/>
      <c r="E128" s="40"/>
      <c r="F128" s="40"/>
      <c r="G128" s="40"/>
      <c r="H128" s="40"/>
      <c r="L128" s="40"/>
      <c r="M128" s="40"/>
      <c r="N128" s="40"/>
      <c r="O128" s="40"/>
      <c r="P128" s="40"/>
      <c r="Q128" s="40"/>
      <c r="R128" s="40"/>
      <c r="S128" s="40"/>
    </row>
    <row r="129" spans="2:19" ht="13.5">
      <c r="B129" s="40"/>
      <c r="C129" s="40"/>
      <c r="D129" s="40"/>
      <c r="E129" s="40"/>
      <c r="F129" s="40"/>
      <c r="G129" s="40"/>
      <c r="H129" s="40"/>
      <c r="L129" s="40"/>
      <c r="M129" s="40"/>
      <c r="N129" s="40"/>
      <c r="O129" s="40"/>
      <c r="P129" s="40"/>
      <c r="Q129" s="40"/>
      <c r="R129" s="40"/>
      <c r="S129" s="40"/>
    </row>
    <row r="130" spans="2:19" ht="13.5">
      <c r="B130" s="40"/>
      <c r="C130" s="40"/>
      <c r="D130" s="40"/>
      <c r="E130" s="40"/>
      <c r="F130" s="40"/>
      <c r="G130" s="40"/>
      <c r="H130" s="40"/>
      <c r="L130" s="40"/>
      <c r="M130" s="40"/>
      <c r="N130" s="40"/>
      <c r="O130" s="40"/>
      <c r="P130" s="40"/>
      <c r="Q130" s="40"/>
      <c r="R130" s="40"/>
      <c r="S130" s="40"/>
    </row>
    <row r="131" spans="2:19" ht="13.5">
      <c r="B131" s="40"/>
      <c r="C131" s="40"/>
      <c r="D131" s="40"/>
      <c r="E131" s="40"/>
      <c r="F131" s="40"/>
      <c r="G131" s="40"/>
      <c r="H131" s="40"/>
      <c r="L131" s="40"/>
      <c r="M131" s="40"/>
      <c r="N131" s="40"/>
      <c r="O131" s="40"/>
      <c r="P131" s="40"/>
      <c r="Q131" s="40"/>
      <c r="R131" s="40"/>
      <c r="S131" s="40"/>
    </row>
    <row r="132" spans="2:19" ht="13.5">
      <c r="B132" s="40"/>
      <c r="C132" s="40"/>
      <c r="D132" s="40"/>
      <c r="E132" s="40"/>
      <c r="F132" s="40"/>
      <c r="G132" s="40"/>
      <c r="H132" s="40"/>
      <c r="L132" s="40"/>
      <c r="M132" s="40"/>
      <c r="N132" s="40"/>
      <c r="O132" s="40"/>
      <c r="P132" s="40"/>
      <c r="Q132" s="40"/>
      <c r="R132" s="40"/>
      <c r="S132" s="40"/>
    </row>
    <row r="133" spans="2:19" ht="13.5">
      <c r="B133" s="40"/>
      <c r="C133" s="40"/>
      <c r="D133" s="40"/>
      <c r="E133" s="40"/>
      <c r="F133" s="40"/>
      <c r="G133" s="40"/>
      <c r="H133" s="40"/>
      <c r="L133" s="40"/>
      <c r="M133" s="40"/>
      <c r="N133" s="40"/>
      <c r="O133" s="40"/>
      <c r="P133" s="40"/>
      <c r="Q133" s="40"/>
      <c r="R133" s="40"/>
      <c r="S133" s="40"/>
    </row>
    <row r="134" spans="2:19" ht="13.5">
      <c r="B134" s="40"/>
      <c r="C134" s="40"/>
      <c r="D134" s="40"/>
      <c r="E134" s="40"/>
      <c r="F134" s="40"/>
      <c r="G134" s="40"/>
      <c r="H134" s="40"/>
      <c r="L134" s="40"/>
      <c r="M134" s="40"/>
      <c r="N134" s="40"/>
      <c r="O134" s="40"/>
      <c r="P134" s="40"/>
      <c r="Q134" s="40"/>
      <c r="R134" s="40"/>
      <c r="S134" s="40"/>
    </row>
    <row r="135" spans="2:19" ht="13.5">
      <c r="B135" s="40"/>
      <c r="C135" s="40"/>
      <c r="D135" s="40"/>
      <c r="E135" s="40"/>
      <c r="F135" s="40"/>
      <c r="G135" s="40"/>
      <c r="H135" s="40"/>
      <c r="L135" s="40"/>
      <c r="M135" s="40"/>
      <c r="N135" s="40"/>
      <c r="O135" s="40"/>
      <c r="P135" s="40"/>
      <c r="Q135" s="40"/>
      <c r="R135" s="40"/>
      <c r="S135" s="40"/>
    </row>
    <row r="136" spans="2:19" ht="13.5">
      <c r="B136" s="40"/>
      <c r="C136" s="40"/>
      <c r="D136" s="40"/>
      <c r="E136" s="40"/>
      <c r="F136" s="40"/>
      <c r="G136" s="40"/>
      <c r="H136" s="40"/>
      <c r="L136" s="40"/>
      <c r="M136" s="40"/>
      <c r="N136" s="40"/>
      <c r="O136" s="40"/>
      <c r="P136" s="40"/>
      <c r="Q136" s="40"/>
      <c r="R136" s="40"/>
      <c r="S136" s="40"/>
    </row>
    <row r="137" spans="2:19" ht="13.5">
      <c r="B137" s="40"/>
      <c r="C137" s="40"/>
      <c r="D137" s="40"/>
      <c r="E137" s="40"/>
      <c r="F137" s="40"/>
      <c r="G137" s="40"/>
      <c r="H137" s="40"/>
      <c r="L137" s="40"/>
      <c r="M137" s="40"/>
      <c r="N137" s="40"/>
      <c r="O137" s="40"/>
      <c r="P137" s="40"/>
      <c r="Q137" s="40"/>
      <c r="R137" s="40"/>
      <c r="S137" s="40"/>
    </row>
    <row r="138" spans="2:19" ht="13.5">
      <c r="B138" s="40"/>
      <c r="C138" s="40"/>
      <c r="D138" s="40"/>
      <c r="E138" s="40"/>
      <c r="F138" s="40"/>
      <c r="G138" s="40"/>
      <c r="H138" s="40"/>
      <c r="L138" s="40"/>
      <c r="M138" s="40"/>
      <c r="N138" s="40"/>
      <c r="O138" s="40"/>
      <c r="P138" s="40"/>
      <c r="Q138" s="40"/>
      <c r="R138" s="40"/>
      <c r="S138" s="40"/>
    </row>
    <row r="139" spans="2:19" ht="13.5">
      <c r="B139" s="40"/>
      <c r="C139" s="40"/>
      <c r="D139" s="40"/>
      <c r="E139" s="40"/>
      <c r="F139" s="40"/>
      <c r="G139" s="40"/>
      <c r="H139" s="40"/>
      <c r="L139" s="40"/>
      <c r="M139" s="40"/>
      <c r="N139" s="40"/>
      <c r="O139" s="40"/>
      <c r="P139" s="40"/>
      <c r="Q139" s="40"/>
      <c r="R139" s="40"/>
      <c r="S139" s="40"/>
    </row>
    <row r="140" spans="2:19" ht="13.5">
      <c r="B140" s="40"/>
      <c r="C140" s="40"/>
      <c r="D140" s="40"/>
      <c r="E140" s="40"/>
      <c r="F140" s="40"/>
      <c r="G140" s="40"/>
      <c r="H140" s="40"/>
      <c r="L140" s="40"/>
      <c r="M140" s="40"/>
      <c r="N140" s="40"/>
      <c r="O140" s="40"/>
      <c r="P140" s="40"/>
      <c r="Q140" s="40"/>
      <c r="R140" s="40"/>
      <c r="S140" s="40"/>
    </row>
    <row r="141" spans="2:19" ht="13.5">
      <c r="B141" s="40"/>
      <c r="C141" s="40"/>
      <c r="D141" s="40"/>
      <c r="E141" s="40"/>
      <c r="F141" s="40"/>
      <c r="G141" s="40"/>
      <c r="H141" s="40"/>
      <c r="L141" s="40"/>
      <c r="M141" s="40"/>
      <c r="N141" s="40"/>
      <c r="O141" s="40"/>
      <c r="P141" s="40"/>
      <c r="Q141" s="40"/>
      <c r="R141" s="40"/>
      <c r="S141" s="40"/>
    </row>
    <row r="142" spans="2:19" ht="13.5">
      <c r="B142" s="40"/>
      <c r="C142" s="40"/>
      <c r="D142" s="40"/>
      <c r="E142" s="40"/>
      <c r="F142" s="40"/>
      <c r="G142" s="40"/>
      <c r="H142" s="40"/>
      <c r="L142" s="40"/>
      <c r="M142" s="40"/>
      <c r="N142" s="40"/>
      <c r="O142" s="40"/>
      <c r="P142" s="40"/>
      <c r="Q142" s="40"/>
      <c r="R142" s="40"/>
      <c r="S142" s="40"/>
    </row>
    <row r="143" spans="2:19" ht="13.5">
      <c r="B143" s="40"/>
      <c r="C143" s="40"/>
      <c r="D143" s="40"/>
      <c r="E143" s="40"/>
      <c r="F143" s="40"/>
      <c r="G143" s="40"/>
      <c r="H143" s="40"/>
      <c r="L143" s="40"/>
      <c r="M143" s="40"/>
      <c r="N143" s="40"/>
      <c r="O143" s="40"/>
      <c r="P143" s="40"/>
      <c r="Q143" s="40"/>
      <c r="R143" s="40"/>
      <c r="S143" s="40"/>
    </row>
    <row r="144" spans="2:19" ht="13.5">
      <c r="B144" s="40"/>
      <c r="C144" s="40"/>
      <c r="D144" s="40"/>
      <c r="E144" s="40"/>
      <c r="F144" s="40"/>
      <c r="G144" s="40"/>
      <c r="H144" s="40"/>
      <c r="L144" s="40"/>
      <c r="M144" s="40"/>
      <c r="N144" s="40"/>
      <c r="O144" s="40"/>
      <c r="P144" s="40"/>
      <c r="Q144" s="40"/>
      <c r="R144" s="40"/>
      <c r="S144" s="40"/>
    </row>
    <row r="145" spans="2:19" ht="13.5">
      <c r="B145" s="40"/>
      <c r="C145" s="40"/>
      <c r="D145" s="40"/>
      <c r="E145" s="40"/>
      <c r="F145" s="40"/>
      <c r="G145" s="40"/>
      <c r="H145" s="40"/>
      <c r="L145" s="40"/>
      <c r="M145" s="40"/>
      <c r="N145" s="40"/>
      <c r="O145" s="40"/>
      <c r="P145" s="40"/>
      <c r="Q145" s="40"/>
      <c r="R145" s="40"/>
      <c r="S145" s="40"/>
    </row>
    <row r="146" spans="2:19" ht="13.5">
      <c r="B146" s="40"/>
      <c r="C146" s="40"/>
      <c r="D146" s="40"/>
      <c r="E146" s="40"/>
      <c r="F146" s="40"/>
      <c r="G146" s="40"/>
      <c r="H146" s="40"/>
      <c r="L146" s="40"/>
      <c r="M146" s="40"/>
      <c r="N146" s="40"/>
      <c r="O146" s="40"/>
      <c r="P146" s="40"/>
      <c r="Q146" s="40"/>
      <c r="R146" s="40"/>
      <c r="S146" s="40"/>
    </row>
    <row r="147" spans="2:19" ht="13.5">
      <c r="B147" s="40"/>
      <c r="C147" s="40"/>
      <c r="D147" s="40"/>
      <c r="E147" s="40"/>
      <c r="F147" s="40"/>
      <c r="G147" s="40"/>
      <c r="H147" s="40"/>
      <c r="L147" s="40"/>
      <c r="M147" s="40"/>
      <c r="N147" s="40"/>
      <c r="O147" s="40"/>
      <c r="P147" s="40"/>
      <c r="Q147" s="40"/>
      <c r="R147" s="40"/>
      <c r="S147" s="40"/>
    </row>
    <row r="148" spans="2:19" ht="13.5">
      <c r="B148" s="40"/>
      <c r="C148" s="40"/>
      <c r="D148" s="40"/>
      <c r="E148" s="40"/>
      <c r="F148" s="40"/>
      <c r="G148" s="40"/>
      <c r="H148" s="40"/>
      <c r="L148" s="40"/>
      <c r="M148" s="40"/>
      <c r="N148" s="40"/>
      <c r="O148" s="40"/>
      <c r="P148" s="40"/>
      <c r="Q148" s="40"/>
      <c r="R148" s="40"/>
      <c r="S148" s="40"/>
    </row>
    <row r="149" spans="2:19" ht="13.5">
      <c r="B149" s="40"/>
      <c r="C149" s="40"/>
      <c r="D149" s="40"/>
      <c r="E149" s="40"/>
      <c r="F149" s="40"/>
      <c r="G149" s="40"/>
      <c r="H149" s="40"/>
      <c r="L149" s="40"/>
      <c r="M149" s="40"/>
      <c r="N149" s="40"/>
      <c r="O149" s="40"/>
      <c r="P149" s="40"/>
      <c r="Q149" s="40"/>
      <c r="R149" s="40"/>
      <c r="S149" s="40"/>
    </row>
    <row r="150" spans="2:19" ht="13.5">
      <c r="B150" s="40"/>
      <c r="C150" s="40"/>
      <c r="D150" s="40"/>
      <c r="E150" s="40"/>
      <c r="F150" s="40"/>
      <c r="G150" s="40"/>
      <c r="H150" s="40"/>
      <c r="L150" s="40"/>
      <c r="M150" s="40"/>
      <c r="N150" s="40"/>
      <c r="O150" s="40"/>
      <c r="P150" s="40"/>
      <c r="Q150" s="40"/>
      <c r="R150" s="40"/>
      <c r="S150" s="40"/>
    </row>
    <row r="151" spans="2:19" ht="13.5">
      <c r="B151" s="40"/>
      <c r="C151" s="40"/>
      <c r="D151" s="40"/>
      <c r="E151" s="40"/>
      <c r="F151" s="40"/>
      <c r="G151" s="40"/>
      <c r="H151" s="40"/>
      <c r="L151" s="40"/>
      <c r="M151" s="40"/>
      <c r="N151" s="40"/>
      <c r="O151" s="40"/>
      <c r="P151" s="40"/>
      <c r="Q151" s="40"/>
      <c r="R151" s="40"/>
      <c r="S151" s="40"/>
    </row>
    <row r="152" spans="2:19" ht="13.5">
      <c r="B152" s="40"/>
      <c r="C152" s="40"/>
      <c r="D152" s="40"/>
      <c r="E152" s="40"/>
      <c r="F152" s="40"/>
      <c r="G152" s="40"/>
      <c r="H152" s="40"/>
      <c r="L152" s="40"/>
      <c r="M152" s="40"/>
      <c r="N152" s="40"/>
      <c r="O152" s="40"/>
      <c r="P152" s="40"/>
      <c r="Q152" s="40"/>
      <c r="R152" s="40"/>
      <c r="S152" s="40"/>
    </row>
    <row r="153" spans="2:19" ht="13.5">
      <c r="B153" s="40"/>
      <c r="C153" s="40"/>
      <c r="D153" s="40"/>
      <c r="E153" s="40"/>
      <c r="F153" s="40"/>
      <c r="G153" s="40"/>
      <c r="H153" s="40"/>
      <c r="L153" s="40"/>
      <c r="M153" s="40"/>
      <c r="N153" s="40"/>
      <c r="O153" s="40"/>
      <c r="P153" s="40"/>
      <c r="Q153" s="40"/>
      <c r="R153" s="40"/>
      <c r="S153" s="40"/>
    </row>
    <row r="154" spans="2:19" ht="13.5">
      <c r="B154" s="40"/>
      <c r="C154" s="40"/>
      <c r="D154" s="40"/>
      <c r="E154" s="40"/>
      <c r="F154" s="40"/>
      <c r="G154" s="40"/>
      <c r="H154" s="40"/>
      <c r="L154" s="40"/>
      <c r="M154" s="40"/>
      <c r="N154" s="40"/>
      <c r="O154" s="40"/>
      <c r="P154" s="40"/>
      <c r="Q154" s="40"/>
      <c r="R154" s="40"/>
      <c r="S154" s="40"/>
    </row>
    <row r="155" spans="2:19" ht="13.5">
      <c r="B155" s="40"/>
      <c r="C155" s="40"/>
      <c r="D155" s="40"/>
      <c r="E155" s="40"/>
      <c r="F155" s="40"/>
      <c r="G155" s="40"/>
      <c r="H155" s="40"/>
      <c r="L155" s="40"/>
      <c r="M155" s="40"/>
      <c r="N155" s="40"/>
      <c r="O155" s="40"/>
      <c r="P155" s="40"/>
      <c r="Q155" s="40"/>
      <c r="R155" s="40"/>
      <c r="S155" s="40"/>
    </row>
    <row r="156" spans="2:19" ht="13.5">
      <c r="B156" s="40"/>
      <c r="C156" s="40"/>
      <c r="D156" s="40"/>
      <c r="E156" s="40"/>
      <c r="F156" s="40"/>
      <c r="G156" s="40"/>
      <c r="H156" s="40"/>
      <c r="L156" s="40"/>
      <c r="M156" s="40"/>
      <c r="N156" s="40"/>
      <c r="O156" s="40"/>
      <c r="P156" s="40"/>
      <c r="Q156" s="40"/>
      <c r="R156" s="40"/>
      <c r="S156" s="40"/>
    </row>
    <row r="157" spans="2:19" ht="13.5">
      <c r="B157" s="40"/>
      <c r="C157" s="40"/>
      <c r="D157" s="40"/>
      <c r="E157" s="40"/>
      <c r="F157" s="40"/>
      <c r="G157" s="40"/>
      <c r="H157" s="40"/>
      <c r="L157" s="40"/>
      <c r="M157" s="40"/>
      <c r="N157" s="40"/>
      <c r="O157" s="40"/>
      <c r="P157" s="40"/>
      <c r="Q157" s="40"/>
      <c r="R157" s="40"/>
      <c r="S157" s="40"/>
    </row>
    <row r="158" spans="2:19" ht="13.5">
      <c r="B158" s="40"/>
      <c r="C158" s="40"/>
      <c r="D158" s="40"/>
      <c r="E158" s="40"/>
      <c r="F158" s="40"/>
      <c r="G158" s="40"/>
      <c r="H158" s="40"/>
      <c r="L158" s="40"/>
      <c r="M158" s="40"/>
      <c r="N158" s="40"/>
      <c r="O158" s="40"/>
      <c r="P158" s="40"/>
      <c r="Q158" s="40"/>
      <c r="R158" s="40"/>
      <c r="S158" s="40"/>
    </row>
    <row r="159" spans="2:19" ht="13.5">
      <c r="B159" s="40"/>
      <c r="C159" s="40"/>
      <c r="D159" s="40"/>
      <c r="E159" s="40"/>
      <c r="F159" s="40"/>
      <c r="G159" s="40"/>
      <c r="H159" s="40"/>
      <c r="L159" s="40"/>
      <c r="M159" s="40"/>
      <c r="N159" s="40"/>
      <c r="O159" s="40"/>
      <c r="P159" s="40"/>
      <c r="Q159" s="40"/>
      <c r="R159" s="40"/>
      <c r="S159" s="40"/>
    </row>
    <row r="160" spans="2:19" ht="13.5">
      <c r="B160" s="40"/>
      <c r="C160" s="40"/>
      <c r="D160" s="40"/>
      <c r="E160" s="40"/>
      <c r="F160" s="40"/>
      <c r="G160" s="40"/>
      <c r="H160" s="40"/>
      <c r="L160" s="40"/>
      <c r="M160" s="40"/>
      <c r="N160" s="40"/>
      <c r="O160" s="40"/>
      <c r="P160" s="40"/>
      <c r="Q160" s="40"/>
      <c r="R160" s="40"/>
      <c r="S160" s="40"/>
    </row>
    <row r="161" spans="2:19" ht="13.5">
      <c r="B161" s="40"/>
      <c r="C161" s="40"/>
      <c r="D161" s="40"/>
      <c r="E161" s="40"/>
      <c r="F161" s="40"/>
      <c r="G161" s="40"/>
      <c r="H161" s="40"/>
      <c r="L161" s="40"/>
      <c r="M161" s="40"/>
      <c r="N161" s="40"/>
      <c r="O161" s="40"/>
      <c r="P161" s="40"/>
      <c r="Q161" s="40"/>
      <c r="R161" s="40"/>
      <c r="S161" s="40"/>
    </row>
    <row r="162" spans="2:19" ht="13.5">
      <c r="B162" s="40"/>
      <c r="C162" s="40"/>
      <c r="D162" s="40"/>
      <c r="E162" s="40"/>
      <c r="F162" s="40"/>
      <c r="G162" s="40"/>
      <c r="H162" s="40"/>
      <c r="L162" s="40"/>
      <c r="M162" s="40"/>
      <c r="N162" s="40"/>
      <c r="O162" s="40"/>
      <c r="P162" s="40"/>
      <c r="Q162" s="40"/>
      <c r="R162" s="40"/>
      <c r="S162" s="40"/>
    </row>
    <row r="163" spans="2:19" ht="13.5">
      <c r="B163" s="40"/>
      <c r="C163" s="40"/>
      <c r="D163" s="40"/>
      <c r="E163" s="40"/>
      <c r="F163" s="40"/>
      <c r="G163" s="40"/>
      <c r="H163" s="40"/>
      <c r="L163" s="40"/>
      <c r="M163" s="40"/>
      <c r="N163" s="40"/>
      <c r="O163" s="40"/>
      <c r="P163" s="40"/>
      <c r="Q163" s="40"/>
      <c r="R163" s="40"/>
      <c r="S163" s="40"/>
    </row>
    <row r="164" spans="2:19" ht="13.5">
      <c r="B164" s="40"/>
      <c r="C164" s="40"/>
      <c r="D164" s="40"/>
      <c r="E164" s="40"/>
      <c r="F164" s="40"/>
      <c r="G164" s="40"/>
      <c r="H164" s="40"/>
      <c r="L164" s="40"/>
      <c r="M164" s="40"/>
      <c r="N164" s="40"/>
      <c r="O164" s="40"/>
      <c r="P164" s="40"/>
      <c r="Q164" s="40"/>
      <c r="R164" s="40"/>
      <c r="S164" s="40"/>
    </row>
    <row r="165" spans="2:19" ht="13.5">
      <c r="B165" s="40"/>
      <c r="C165" s="40"/>
      <c r="D165" s="40"/>
      <c r="E165" s="40"/>
      <c r="F165" s="40"/>
      <c r="G165" s="40"/>
      <c r="H165" s="40"/>
      <c r="L165" s="40"/>
      <c r="M165" s="40"/>
      <c r="N165" s="40"/>
      <c r="O165" s="40"/>
      <c r="P165" s="40"/>
      <c r="Q165" s="40"/>
      <c r="R165" s="40"/>
      <c r="S165" s="40"/>
    </row>
    <row r="166" spans="2:19" ht="13.5">
      <c r="B166" s="40"/>
      <c r="C166" s="40"/>
      <c r="D166" s="40"/>
      <c r="E166" s="40"/>
      <c r="F166" s="40"/>
      <c r="G166" s="40"/>
      <c r="H166" s="40"/>
      <c r="L166" s="40"/>
      <c r="M166" s="40"/>
      <c r="N166" s="40"/>
      <c r="O166" s="40"/>
      <c r="P166" s="40"/>
      <c r="Q166" s="40"/>
      <c r="R166" s="40"/>
      <c r="S166" s="40"/>
    </row>
    <row r="167" spans="2:19" ht="13.5">
      <c r="B167" s="40"/>
      <c r="C167" s="40"/>
      <c r="D167" s="40"/>
      <c r="E167" s="40"/>
      <c r="F167" s="40"/>
      <c r="G167" s="40"/>
      <c r="H167" s="40"/>
      <c r="L167" s="40"/>
      <c r="M167" s="40"/>
      <c r="N167" s="40"/>
      <c r="O167" s="40"/>
      <c r="P167" s="40"/>
      <c r="Q167" s="40"/>
      <c r="R167" s="40"/>
      <c r="S167" s="40"/>
    </row>
    <row r="168" spans="2:19" ht="13.5">
      <c r="B168" s="40"/>
      <c r="C168" s="40"/>
      <c r="D168" s="40"/>
      <c r="E168" s="40"/>
      <c r="F168" s="40"/>
      <c r="G168" s="40"/>
      <c r="H168" s="40"/>
      <c r="L168" s="40"/>
      <c r="M168" s="40"/>
      <c r="N168" s="40"/>
      <c r="O168" s="40"/>
      <c r="P168" s="40"/>
      <c r="Q168" s="40"/>
      <c r="R168" s="40"/>
      <c r="S168" s="40"/>
    </row>
    <row r="169" spans="2:19" ht="13.5">
      <c r="B169" s="40"/>
      <c r="C169" s="40"/>
      <c r="D169" s="40"/>
      <c r="E169" s="40"/>
      <c r="F169" s="40"/>
      <c r="G169" s="40"/>
      <c r="H169" s="40"/>
      <c r="L169" s="40"/>
      <c r="M169" s="40"/>
      <c r="N169" s="40"/>
      <c r="O169" s="40"/>
      <c r="P169" s="40"/>
      <c r="Q169" s="40"/>
      <c r="R169" s="40"/>
      <c r="S169" s="40"/>
    </row>
    <row r="170" spans="2:19" ht="13.5">
      <c r="B170" s="40"/>
      <c r="C170" s="40"/>
      <c r="D170" s="40"/>
      <c r="E170" s="40"/>
      <c r="F170" s="40"/>
      <c r="G170" s="40"/>
      <c r="H170" s="40"/>
      <c r="L170" s="40"/>
      <c r="M170" s="40"/>
      <c r="N170" s="40"/>
      <c r="O170" s="40"/>
      <c r="P170" s="40"/>
      <c r="Q170" s="40"/>
      <c r="R170" s="40"/>
      <c r="S170" s="40"/>
    </row>
    <row r="171" spans="2:19" ht="13.5">
      <c r="B171" s="40"/>
      <c r="C171" s="40"/>
      <c r="D171" s="40"/>
      <c r="E171" s="40"/>
      <c r="F171" s="40"/>
      <c r="G171" s="40"/>
      <c r="H171" s="40"/>
      <c r="L171" s="40"/>
      <c r="M171" s="40"/>
      <c r="N171" s="40"/>
      <c r="O171" s="40"/>
      <c r="P171" s="40"/>
      <c r="Q171" s="40"/>
      <c r="R171" s="40"/>
      <c r="S171" s="40"/>
    </row>
    <row r="172" spans="2:19" ht="13.5">
      <c r="B172" s="40"/>
      <c r="C172" s="40"/>
      <c r="D172" s="40"/>
      <c r="E172" s="40"/>
      <c r="F172" s="40"/>
      <c r="G172" s="40"/>
      <c r="H172" s="40"/>
      <c r="L172" s="40"/>
      <c r="M172" s="40"/>
      <c r="N172" s="40"/>
      <c r="O172" s="40"/>
      <c r="P172" s="40"/>
      <c r="Q172" s="40"/>
      <c r="R172" s="40"/>
      <c r="S172" s="40"/>
    </row>
    <row r="173" spans="2:19" ht="13.5">
      <c r="B173" s="40"/>
      <c r="C173" s="40"/>
      <c r="D173" s="40"/>
      <c r="E173" s="40"/>
      <c r="F173" s="40"/>
      <c r="G173" s="40"/>
      <c r="H173" s="40"/>
      <c r="L173" s="40"/>
      <c r="M173" s="40"/>
      <c r="N173" s="40"/>
      <c r="O173" s="40"/>
      <c r="P173" s="40"/>
      <c r="Q173" s="40"/>
      <c r="R173" s="40"/>
      <c r="S173" s="40"/>
    </row>
    <row r="174" spans="2:19" ht="13.5">
      <c r="B174" s="40"/>
      <c r="C174" s="40"/>
      <c r="D174" s="40"/>
      <c r="E174" s="40"/>
      <c r="F174" s="40"/>
      <c r="G174" s="40"/>
      <c r="H174" s="40"/>
      <c r="L174" s="40"/>
      <c r="M174" s="40"/>
      <c r="N174" s="40"/>
      <c r="O174" s="40"/>
      <c r="P174" s="40"/>
      <c r="Q174" s="40"/>
      <c r="R174" s="40"/>
      <c r="S174" s="40"/>
    </row>
    <row r="175" spans="2:19" ht="13.5">
      <c r="B175" s="40"/>
      <c r="C175" s="40"/>
      <c r="D175" s="40"/>
      <c r="E175" s="40"/>
      <c r="F175" s="40"/>
      <c r="G175" s="40"/>
      <c r="H175" s="40"/>
      <c r="L175" s="40"/>
      <c r="M175" s="40"/>
      <c r="N175" s="40"/>
      <c r="O175" s="40"/>
      <c r="P175" s="40"/>
      <c r="Q175" s="40"/>
      <c r="R175" s="40"/>
      <c r="S175" s="40"/>
    </row>
    <row r="176" spans="2:19" ht="13.5">
      <c r="B176" s="40"/>
      <c r="C176" s="40"/>
      <c r="D176" s="40"/>
      <c r="E176" s="40"/>
      <c r="F176" s="40"/>
      <c r="G176" s="40"/>
      <c r="H176" s="40"/>
      <c r="L176" s="40"/>
      <c r="M176" s="40"/>
      <c r="N176" s="40"/>
      <c r="O176" s="40"/>
      <c r="P176" s="40"/>
      <c r="Q176" s="40"/>
      <c r="R176" s="40"/>
      <c r="S176" s="40"/>
    </row>
    <row r="177" spans="2:19" ht="13.5">
      <c r="B177" s="40"/>
      <c r="C177" s="40"/>
      <c r="D177" s="40"/>
      <c r="E177" s="40"/>
      <c r="F177" s="40"/>
      <c r="G177" s="40"/>
      <c r="H177" s="40"/>
      <c r="L177" s="40"/>
      <c r="M177" s="40"/>
      <c r="N177" s="40"/>
      <c r="O177" s="40"/>
      <c r="P177" s="40"/>
      <c r="Q177" s="40"/>
      <c r="R177" s="40"/>
      <c r="S177" s="40"/>
    </row>
    <row r="178" spans="2:19" ht="13.5">
      <c r="B178" s="40"/>
      <c r="C178" s="40"/>
      <c r="D178" s="40"/>
      <c r="E178" s="40"/>
      <c r="F178" s="40"/>
      <c r="G178" s="40"/>
      <c r="H178" s="40"/>
      <c r="L178" s="40"/>
      <c r="M178" s="40"/>
      <c r="N178" s="40"/>
      <c r="O178" s="40"/>
      <c r="P178" s="40"/>
      <c r="Q178" s="40"/>
      <c r="R178" s="40"/>
      <c r="S178" s="40"/>
    </row>
    <row r="179" spans="2:19" ht="13.5">
      <c r="B179" s="40"/>
      <c r="C179" s="40"/>
      <c r="D179" s="40"/>
      <c r="E179" s="40"/>
      <c r="F179" s="40"/>
      <c r="G179" s="40"/>
      <c r="H179" s="40"/>
      <c r="L179" s="40"/>
      <c r="M179" s="40"/>
      <c r="N179" s="40"/>
      <c r="O179" s="40"/>
      <c r="P179" s="40"/>
      <c r="Q179" s="40"/>
      <c r="R179" s="40"/>
      <c r="S179" s="40"/>
    </row>
    <row r="180" spans="2:19" ht="13.5">
      <c r="B180" s="40"/>
      <c r="C180" s="40"/>
      <c r="D180" s="40"/>
      <c r="E180" s="40"/>
      <c r="F180" s="40"/>
      <c r="G180" s="40"/>
      <c r="H180" s="40"/>
      <c r="L180" s="40"/>
      <c r="M180" s="40"/>
      <c r="N180" s="40"/>
      <c r="O180" s="40"/>
      <c r="P180" s="40"/>
      <c r="Q180" s="40"/>
      <c r="R180" s="40"/>
      <c r="S180" s="40"/>
    </row>
    <row r="181" spans="2:19" ht="13.5">
      <c r="B181" s="40"/>
      <c r="C181" s="40"/>
      <c r="D181" s="40"/>
      <c r="E181" s="40"/>
      <c r="F181" s="40"/>
      <c r="G181" s="40"/>
      <c r="H181" s="40"/>
      <c r="L181" s="40"/>
      <c r="M181" s="40"/>
      <c r="N181" s="40"/>
      <c r="O181" s="40"/>
      <c r="P181" s="40"/>
      <c r="Q181" s="40"/>
      <c r="R181" s="40"/>
      <c r="S181" s="40"/>
    </row>
    <row r="182" spans="2:19" ht="13.5">
      <c r="B182" s="40"/>
      <c r="C182" s="40"/>
      <c r="D182" s="40"/>
      <c r="E182" s="40"/>
      <c r="F182" s="40"/>
      <c r="G182" s="40"/>
      <c r="H182" s="40"/>
      <c r="L182" s="40"/>
      <c r="M182" s="40"/>
      <c r="N182" s="40"/>
      <c r="O182" s="40"/>
      <c r="P182" s="40"/>
      <c r="Q182" s="40"/>
      <c r="R182" s="40"/>
      <c r="S182" s="40"/>
    </row>
    <row r="183" spans="2:19" ht="13.5">
      <c r="B183" s="40"/>
      <c r="C183" s="40"/>
      <c r="D183" s="40"/>
      <c r="E183" s="40"/>
      <c r="F183" s="40"/>
      <c r="G183" s="40"/>
      <c r="H183" s="40"/>
      <c r="L183" s="40"/>
      <c r="M183" s="40"/>
      <c r="N183" s="40"/>
      <c r="O183" s="40"/>
      <c r="P183" s="40"/>
      <c r="Q183" s="40"/>
      <c r="R183" s="40"/>
      <c r="S183" s="40"/>
    </row>
    <row r="184" spans="2:19" ht="13.5">
      <c r="B184" s="40"/>
      <c r="C184" s="40"/>
      <c r="D184" s="40"/>
      <c r="E184" s="40"/>
      <c r="F184" s="40"/>
      <c r="G184" s="40"/>
      <c r="H184" s="40"/>
      <c r="L184" s="40"/>
      <c r="M184" s="40"/>
      <c r="N184" s="40"/>
      <c r="O184" s="40"/>
      <c r="P184" s="40"/>
      <c r="Q184" s="40"/>
      <c r="R184" s="40"/>
      <c r="S184" s="40"/>
    </row>
    <row r="185" spans="2:19" ht="13.5">
      <c r="B185" s="40"/>
      <c r="C185" s="40"/>
      <c r="D185" s="40"/>
      <c r="E185" s="40"/>
      <c r="F185" s="40"/>
      <c r="G185" s="40"/>
      <c r="H185" s="40"/>
      <c r="L185" s="40"/>
      <c r="M185" s="40"/>
      <c r="N185" s="40"/>
      <c r="O185" s="40"/>
      <c r="P185" s="40"/>
      <c r="Q185" s="40"/>
      <c r="R185" s="40"/>
      <c r="S185" s="40"/>
    </row>
    <row r="186" spans="2:19" ht="13.5">
      <c r="B186" s="40"/>
      <c r="C186" s="40"/>
      <c r="D186" s="40"/>
      <c r="E186" s="40"/>
      <c r="F186" s="40"/>
      <c r="G186" s="40"/>
      <c r="H186" s="40"/>
      <c r="L186" s="40"/>
      <c r="M186" s="40"/>
      <c r="N186" s="40"/>
      <c r="O186" s="40"/>
      <c r="P186" s="40"/>
      <c r="Q186" s="40"/>
      <c r="R186" s="40"/>
      <c r="S186" s="40"/>
    </row>
    <row r="187" spans="2:19" ht="13.5">
      <c r="B187" s="40"/>
      <c r="C187" s="40"/>
      <c r="D187" s="40"/>
      <c r="E187" s="40"/>
      <c r="F187" s="40"/>
      <c r="G187" s="40"/>
      <c r="H187" s="40"/>
      <c r="L187" s="40"/>
      <c r="M187" s="40"/>
      <c r="N187" s="40"/>
      <c r="O187" s="40"/>
      <c r="P187" s="40"/>
      <c r="Q187" s="40"/>
      <c r="R187" s="40"/>
      <c r="S187" s="40"/>
    </row>
    <row r="188" spans="2:19" ht="13.5">
      <c r="B188" s="40"/>
      <c r="C188" s="40"/>
      <c r="D188" s="40"/>
      <c r="E188" s="40"/>
      <c r="F188" s="40"/>
      <c r="G188" s="40"/>
      <c r="H188" s="40"/>
      <c r="L188" s="40"/>
      <c r="M188" s="40"/>
      <c r="N188" s="40"/>
      <c r="O188" s="40"/>
      <c r="P188" s="40"/>
      <c r="Q188" s="40"/>
      <c r="R188" s="40"/>
      <c r="S188" s="40"/>
    </row>
    <row r="189" spans="2:19" ht="13.5">
      <c r="B189" s="40"/>
      <c r="C189" s="40"/>
      <c r="D189" s="40"/>
      <c r="E189" s="40"/>
      <c r="F189" s="40"/>
      <c r="G189" s="40"/>
      <c r="H189" s="40"/>
      <c r="L189" s="40"/>
      <c r="M189" s="40"/>
      <c r="N189" s="40"/>
      <c r="O189" s="40"/>
      <c r="P189" s="40"/>
      <c r="Q189" s="40"/>
      <c r="R189" s="40"/>
      <c r="S189" s="40"/>
    </row>
    <row r="190" spans="2:19" ht="13.5">
      <c r="B190" s="40"/>
      <c r="C190" s="40"/>
      <c r="D190" s="40"/>
      <c r="E190" s="40"/>
      <c r="F190" s="40"/>
      <c r="G190" s="40"/>
      <c r="H190" s="40"/>
      <c r="L190" s="40"/>
      <c r="M190" s="40"/>
      <c r="N190" s="40"/>
      <c r="O190" s="40"/>
      <c r="P190" s="40"/>
      <c r="Q190" s="40"/>
      <c r="R190" s="40"/>
      <c r="S190" s="40"/>
    </row>
    <row r="191" spans="2:19" ht="13.5">
      <c r="B191" s="40"/>
      <c r="C191" s="40"/>
      <c r="D191" s="40"/>
      <c r="E191" s="40"/>
      <c r="F191" s="40"/>
      <c r="G191" s="40"/>
      <c r="H191" s="40"/>
      <c r="L191" s="40"/>
      <c r="M191" s="40"/>
      <c r="N191" s="40"/>
      <c r="O191" s="40"/>
      <c r="P191" s="40"/>
      <c r="Q191" s="40"/>
      <c r="R191" s="40"/>
      <c r="S191" s="40"/>
    </row>
    <row r="192" spans="2:19" ht="13.5">
      <c r="B192" s="40"/>
      <c r="C192" s="40"/>
      <c r="D192" s="40"/>
      <c r="E192" s="40"/>
      <c r="F192" s="40"/>
      <c r="G192" s="40"/>
      <c r="H192" s="40"/>
      <c r="L192" s="40"/>
      <c r="M192" s="40"/>
      <c r="N192" s="40"/>
      <c r="O192" s="40"/>
      <c r="P192" s="40"/>
      <c r="Q192" s="40"/>
      <c r="R192" s="40"/>
      <c r="S192" s="40"/>
    </row>
    <row r="193" spans="2:19" ht="13.5">
      <c r="B193" s="40"/>
      <c r="C193" s="40"/>
      <c r="D193" s="40"/>
      <c r="E193" s="40"/>
      <c r="F193" s="40"/>
      <c r="G193" s="40"/>
      <c r="H193" s="40"/>
      <c r="L193" s="40"/>
      <c r="M193" s="40"/>
      <c r="N193" s="40"/>
      <c r="O193" s="40"/>
      <c r="P193" s="40"/>
      <c r="Q193" s="40"/>
      <c r="R193" s="40"/>
      <c r="S193" s="40"/>
    </row>
    <row r="194" spans="2:19" ht="13.5">
      <c r="B194" s="40"/>
      <c r="C194" s="40"/>
      <c r="D194" s="40"/>
      <c r="E194" s="40"/>
      <c r="F194" s="40"/>
      <c r="G194" s="40"/>
      <c r="H194" s="40"/>
      <c r="L194" s="40"/>
      <c r="M194" s="40"/>
      <c r="N194" s="40"/>
      <c r="O194" s="40"/>
      <c r="P194" s="40"/>
      <c r="Q194" s="40"/>
      <c r="R194" s="40"/>
      <c r="S194" s="40"/>
    </row>
    <row r="195" spans="2:19" ht="13.5">
      <c r="B195" s="40"/>
      <c r="C195" s="40"/>
      <c r="D195" s="40"/>
      <c r="E195" s="40"/>
      <c r="F195" s="40"/>
      <c r="G195" s="40"/>
      <c r="H195" s="40"/>
      <c r="L195" s="40"/>
      <c r="M195" s="40"/>
      <c r="N195" s="40"/>
      <c r="O195" s="40"/>
      <c r="P195" s="40"/>
      <c r="Q195" s="40"/>
      <c r="R195" s="40"/>
      <c r="S195" s="40"/>
    </row>
    <row r="196" spans="2:19" ht="13.5">
      <c r="B196" s="40"/>
      <c r="C196" s="40"/>
      <c r="D196" s="40"/>
      <c r="E196" s="40"/>
      <c r="F196" s="40"/>
      <c r="G196" s="40"/>
      <c r="H196" s="40"/>
      <c r="L196" s="40"/>
      <c r="M196" s="40"/>
      <c r="N196" s="40"/>
      <c r="O196" s="40"/>
      <c r="P196" s="40"/>
      <c r="Q196" s="40"/>
      <c r="R196" s="40"/>
      <c r="S196" s="40"/>
    </row>
    <row r="197" spans="2:19" ht="13.5">
      <c r="B197" s="40"/>
      <c r="C197" s="40"/>
      <c r="D197" s="40"/>
      <c r="E197" s="40"/>
      <c r="F197" s="40"/>
      <c r="G197" s="40"/>
      <c r="H197" s="40"/>
      <c r="L197" s="40"/>
      <c r="M197" s="40"/>
      <c r="N197" s="40"/>
      <c r="O197" s="40"/>
      <c r="P197" s="40"/>
      <c r="Q197" s="40"/>
      <c r="R197" s="40"/>
      <c r="S197" s="40"/>
    </row>
    <row r="198" spans="2:19" ht="13.5">
      <c r="B198" s="40"/>
      <c r="C198" s="40"/>
      <c r="D198" s="40"/>
      <c r="E198" s="40"/>
      <c r="F198" s="40"/>
      <c r="G198" s="40"/>
      <c r="H198" s="40"/>
      <c r="L198" s="40"/>
      <c r="M198" s="40"/>
      <c r="N198" s="40"/>
      <c r="O198" s="40"/>
      <c r="P198" s="40"/>
      <c r="Q198" s="40"/>
      <c r="R198" s="40"/>
      <c r="S198" s="40"/>
    </row>
    <row r="199" spans="2:19" ht="13.5">
      <c r="B199" s="40"/>
      <c r="C199" s="40"/>
      <c r="D199" s="40"/>
      <c r="E199" s="40"/>
      <c r="F199" s="40"/>
      <c r="G199" s="40"/>
      <c r="H199" s="40"/>
      <c r="L199" s="40"/>
      <c r="M199" s="40"/>
      <c r="N199" s="40"/>
      <c r="O199" s="40"/>
      <c r="P199" s="40"/>
      <c r="Q199" s="40"/>
      <c r="R199" s="40"/>
      <c r="S199" s="40"/>
    </row>
    <row r="200" spans="2:19" ht="13.5">
      <c r="B200" s="40"/>
      <c r="C200" s="40"/>
      <c r="D200" s="40"/>
      <c r="E200" s="40"/>
      <c r="F200" s="40"/>
      <c r="G200" s="40"/>
      <c r="H200" s="40"/>
      <c r="L200" s="40"/>
      <c r="M200" s="40"/>
      <c r="N200" s="40"/>
      <c r="O200" s="40"/>
      <c r="P200" s="40"/>
      <c r="Q200" s="40"/>
      <c r="R200" s="40"/>
      <c r="S200" s="40"/>
    </row>
    <row r="201" spans="2:19" ht="13.5">
      <c r="B201" s="40"/>
      <c r="C201" s="40"/>
      <c r="D201" s="40"/>
      <c r="E201" s="40"/>
      <c r="F201" s="40"/>
      <c r="G201" s="40"/>
      <c r="H201" s="40"/>
      <c r="L201" s="40"/>
      <c r="M201" s="40"/>
      <c r="N201" s="40"/>
      <c r="O201" s="40"/>
      <c r="P201" s="40"/>
      <c r="Q201" s="40"/>
      <c r="R201" s="40"/>
      <c r="S201" s="40"/>
    </row>
    <row r="202" spans="2:19" ht="13.5">
      <c r="B202" s="40"/>
      <c r="C202" s="40"/>
      <c r="D202" s="40"/>
      <c r="E202" s="40"/>
      <c r="F202" s="40"/>
      <c r="G202" s="40"/>
      <c r="H202" s="40"/>
      <c r="L202" s="40"/>
      <c r="M202" s="40"/>
      <c r="N202" s="40"/>
      <c r="O202" s="40"/>
      <c r="P202" s="40"/>
      <c r="Q202" s="40"/>
      <c r="R202" s="40"/>
      <c r="S202" s="40"/>
    </row>
    <row r="203" spans="2:19" ht="13.5">
      <c r="B203" s="40"/>
      <c r="C203" s="40"/>
      <c r="D203" s="40"/>
      <c r="E203" s="40"/>
      <c r="F203" s="40"/>
      <c r="G203" s="40"/>
      <c r="H203" s="40"/>
      <c r="L203" s="40"/>
      <c r="M203" s="40"/>
      <c r="N203" s="40"/>
      <c r="O203" s="40"/>
      <c r="P203" s="40"/>
      <c r="Q203" s="40"/>
      <c r="R203" s="40"/>
      <c r="S203" s="40"/>
    </row>
    <row r="204" spans="2:19" ht="13.5">
      <c r="B204" s="40"/>
      <c r="C204" s="40"/>
      <c r="D204" s="40"/>
      <c r="E204" s="40"/>
      <c r="F204" s="40"/>
      <c r="G204" s="40"/>
      <c r="H204" s="40"/>
      <c r="L204" s="40"/>
      <c r="M204" s="40"/>
      <c r="N204" s="40"/>
      <c r="O204" s="40"/>
      <c r="P204" s="40"/>
      <c r="Q204" s="40"/>
      <c r="R204" s="40"/>
      <c r="S204" s="40"/>
    </row>
    <row r="205" spans="2:19" ht="13.5">
      <c r="B205" s="40"/>
      <c r="C205" s="40"/>
      <c r="D205" s="40"/>
      <c r="E205" s="40"/>
      <c r="F205" s="40"/>
      <c r="G205" s="40"/>
      <c r="H205" s="40"/>
      <c r="L205" s="40"/>
      <c r="M205" s="40"/>
      <c r="N205" s="40"/>
      <c r="O205" s="40"/>
      <c r="P205" s="40"/>
      <c r="Q205" s="40"/>
      <c r="R205" s="40"/>
      <c r="S205" s="40"/>
    </row>
    <row r="206" spans="2:19" ht="13.5">
      <c r="B206" s="40"/>
      <c r="C206" s="40"/>
      <c r="D206" s="40"/>
      <c r="E206" s="40"/>
      <c r="F206" s="40"/>
      <c r="G206" s="40"/>
      <c r="H206" s="40"/>
      <c r="L206" s="40"/>
      <c r="M206" s="40"/>
      <c r="N206" s="40"/>
      <c r="O206" s="40"/>
      <c r="P206" s="40"/>
      <c r="Q206" s="40"/>
      <c r="R206" s="40"/>
      <c r="S206" s="40"/>
    </row>
    <row r="207" spans="2:19" ht="13.5">
      <c r="B207" s="40"/>
      <c r="C207" s="40"/>
      <c r="D207" s="40"/>
      <c r="E207" s="40"/>
      <c r="F207" s="40"/>
      <c r="G207" s="40"/>
      <c r="H207" s="40"/>
      <c r="L207" s="40"/>
      <c r="M207" s="40"/>
      <c r="N207" s="40"/>
      <c r="O207" s="40"/>
      <c r="P207" s="40"/>
      <c r="Q207" s="40"/>
      <c r="R207" s="40"/>
      <c r="S207" s="40"/>
    </row>
    <row r="208" spans="2:19" ht="13.5">
      <c r="B208" s="40"/>
      <c r="C208" s="40"/>
      <c r="D208" s="40"/>
      <c r="E208" s="40"/>
      <c r="F208" s="40"/>
      <c r="G208" s="40"/>
      <c r="H208" s="40"/>
      <c r="L208" s="40"/>
      <c r="M208" s="40"/>
      <c r="N208" s="40"/>
      <c r="O208" s="40"/>
      <c r="P208" s="40"/>
      <c r="Q208" s="40"/>
      <c r="R208" s="40"/>
      <c r="S208" s="40"/>
    </row>
    <row r="209" spans="2:19" ht="13.5">
      <c r="B209" s="40"/>
      <c r="C209" s="40"/>
      <c r="D209" s="40"/>
      <c r="E209" s="40"/>
      <c r="F209" s="40"/>
      <c r="G209" s="40"/>
      <c r="H209" s="40"/>
      <c r="L209" s="40"/>
      <c r="M209" s="40"/>
      <c r="N209" s="40"/>
      <c r="O209" s="40"/>
      <c r="P209" s="40"/>
      <c r="Q209" s="40"/>
      <c r="R209" s="40"/>
      <c r="S209" s="40"/>
    </row>
    <row r="210" spans="2:19" ht="13.5">
      <c r="B210" s="40"/>
      <c r="C210" s="40"/>
      <c r="D210" s="40"/>
      <c r="E210" s="40"/>
      <c r="F210" s="40"/>
      <c r="G210" s="40"/>
      <c r="H210" s="40"/>
      <c r="L210" s="40"/>
      <c r="M210" s="40"/>
      <c r="N210" s="40"/>
      <c r="O210" s="40"/>
      <c r="P210" s="40"/>
      <c r="Q210" s="40"/>
      <c r="R210" s="40"/>
      <c r="S210" s="40"/>
    </row>
    <row r="211" spans="2:19" ht="13.5">
      <c r="B211" s="40"/>
      <c r="C211" s="40"/>
      <c r="D211" s="40"/>
      <c r="E211" s="40"/>
      <c r="F211" s="40"/>
      <c r="G211" s="40"/>
      <c r="H211" s="40"/>
      <c r="L211" s="40"/>
      <c r="M211" s="40"/>
      <c r="N211" s="40"/>
      <c r="O211" s="40"/>
      <c r="P211" s="40"/>
      <c r="Q211" s="40"/>
      <c r="R211" s="40"/>
      <c r="S211" s="40"/>
    </row>
    <row r="212" spans="2:19" ht="13.5">
      <c r="B212" s="40"/>
      <c r="C212" s="40"/>
      <c r="D212" s="40"/>
      <c r="E212" s="40"/>
      <c r="F212" s="40"/>
      <c r="G212" s="40"/>
      <c r="H212" s="40"/>
      <c r="L212" s="40"/>
      <c r="M212" s="40"/>
      <c r="N212" s="40"/>
      <c r="O212" s="40"/>
      <c r="P212" s="40"/>
      <c r="Q212" s="40"/>
      <c r="R212" s="40"/>
      <c r="S212" s="40"/>
    </row>
    <row r="213" spans="2:19" ht="13.5">
      <c r="B213" s="40"/>
      <c r="C213" s="40"/>
      <c r="D213" s="40"/>
      <c r="E213" s="40"/>
      <c r="F213" s="40"/>
      <c r="G213" s="40"/>
      <c r="H213" s="40"/>
      <c r="L213" s="40"/>
      <c r="M213" s="40"/>
      <c r="N213" s="40"/>
      <c r="O213" s="40"/>
      <c r="P213" s="40"/>
      <c r="Q213" s="40"/>
      <c r="R213" s="40"/>
      <c r="S213" s="40"/>
    </row>
    <row r="214" spans="2:19" ht="13.5">
      <c r="B214" s="40"/>
      <c r="C214" s="40"/>
      <c r="D214" s="40"/>
      <c r="E214" s="40"/>
      <c r="F214" s="40"/>
      <c r="G214" s="40"/>
      <c r="H214" s="40"/>
      <c r="L214" s="40"/>
      <c r="M214" s="40"/>
      <c r="N214" s="40"/>
      <c r="O214" s="40"/>
      <c r="P214" s="40"/>
      <c r="Q214" s="40"/>
      <c r="R214" s="40"/>
      <c r="S214" s="40"/>
    </row>
    <row r="215" spans="2:19" ht="13.5">
      <c r="B215" s="40"/>
      <c r="C215" s="40"/>
      <c r="D215" s="40"/>
      <c r="E215" s="40"/>
      <c r="F215" s="40"/>
      <c r="G215" s="40"/>
      <c r="H215" s="40"/>
      <c r="L215" s="40"/>
      <c r="M215" s="40"/>
      <c r="N215" s="40"/>
      <c r="O215" s="40"/>
      <c r="P215" s="40"/>
      <c r="Q215" s="40"/>
      <c r="R215" s="40"/>
      <c r="S215" s="40"/>
    </row>
    <row r="216" spans="2:19" ht="13.5">
      <c r="B216" s="40"/>
      <c r="C216" s="40"/>
      <c r="D216" s="40"/>
      <c r="E216" s="40"/>
      <c r="F216" s="40"/>
      <c r="G216" s="40"/>
      <c r="H216" s="40"/>
      <c r="L216" s="40"/>
      <c r="M216" s="40"/>
      <c r="N216" s="40"/>
      <c r="O216" s="40"/>
      <c r="P216" s="40"/>
      <c r="Q216" s="40"/>
      <c r="R216" s="40"/>
      <c r="S216" s="40"/>
    </row>
    <row r="217" spans="2:19" ht="13.5">
      <c r="B217" s="40"/>
      <c r="C217" s="40"/>
      <c r="D217" s="40"/>
      <c r="E217" s="40"/>
      <c r="F217" s="40"/>
      <c r="G217" s="40"/>
      <c r="H217" s="40"/>
      <c r="L217" s="40"/>
      <c r="M217" s="40"/>
      <c r="N217" s="40"/>
      <c r="O217" s="40"/>
      <c r="P217" s="40"/>
      <c r="Q217" s="40"/>
      <c r="R217" s="40"/>
      <c r="S217" s="40"/>
    </row>
    <row r="218" spans="2:19" ht="13.5">
      <c r="B218" s="40"/>
      <c r="C218" s="40"/>
      <c r="D218" s="40"/>
      <c r="E218" s="40"/>
      <c r="F218" s="40"/>
      <c r="G218" s="40"/>
      <c r="H218" s="40"/>
      <c r="L218" s="40"/>
      <c r="M218" s="40"/>
      <c r="N218" s="40"/>
      <c r="O218" s="40"/>
      <c r="P218" s="40"/>
      <c r="Q218" s="40"/>
      <c r="R218" s="40"/>
      <c r="S218" s="40"/>
    </row>
    <row r="219" spans="2:19" ht="13.5">
      <c r="B219" s="40"/>
      <c r="C219" s="40"/>
      <c r="D219" s="40"/>
      <c r="E219" s="40"/>
      <c r="F219" s="40"/>
      <c r="G219" s="40"/>
      <c r="H219" s="40"/>
      <c r="L219" s="40"/>
      <c r="M219" s="40"/>
      <c r="N219" s="40"/>
      <c r="O219" s="40"/>
      <c r="P219" s="40"/>
      <c r="Q219" s="40"/>
      <c r="R219" s="40"/>
      <c r="S219" s="40"/>
    </row>
    <row r="220" spans="2:19" ht="13.5">
      <c r="B220" s="40"/>
      <c r="C220" s="40"/>
      <c r="D220" s="40"/>
      <c r="E220" s="40"/>
      <c r="F220" s="40"/>
      <c r="G220" s="40"/>
      <c r="H220" s="40"/>
      <c r="L220" s="40"/>
      <c r="M220" s="40"/>
      <c r="N220" s="40"/>
      <c r="O220" s="40"/>
      <c r="P220" s="40"/>
      <c r="Q220" s="40"/>
      <c r="R220" s="40"/>
      <c r="S220" s="40"/>
    </row>
    <row r="221" spans="2:19" ht="13.5">
      <c r="B221" s="40"/>
      <c r="C221" s="40"/>
      <c r="D221" s="40"/>
      <c r="E221" s="40"/>
      <c r="F221" s="40"/>
      <c r="G221" s="40"/>
      <c r="H221" s="40"/>
      <c r="L221" s="40"/>
      <c r="M221" s="40"/>
      <c r="N221" s="40"/>
      <c r="O221" s="40"/>
      <c r="P221" s="40"/>
      <c r="Q221" s="40"/>
      <c r="R221" s="40"/>
      <c r="S221" s="40"/>
    </row>
    <row r="222" spans="2:19" ht="13.5">
      <c r="B222" s="40"/>
      <c r="C222" s="40"/>
      <c r="D222" s="40"/>
      <c r="E222" s="40"/>
      <c r="F222" s="40"/>
      <c r="G222" s="40"/>
      <c r="H222" s="40"/>
      <c r="L222" s="40"/>
      <c r="M222" s="40"/>
      <c r="N222" s="40"/>
      <c r="O222" s="40"/>
      <c r="P222" s="40"/>
      <c r="Q222" s="40"/>
      <c r="R222" s="40"/>
      <c r="S222" s="40"/>
    </row>
    <row r="223" spans="2:19" ht="13.5">
      <c r="B223" s="40"/>
      <c r="C223" s="40"/>
      <c r="D223" s="40"/>
      <c r="E223" s="40"/>
      <c r="F223" s="40"/>
      <c r="G223" s="40"/>
      <c r="H223" s="40"/>
      <c r="L223" s="40"/>
      <c r="M223" s="40"/>
      <c r="N223" s="40"/>
      <c r="O223" s="40"/>
      <c r="P223" s="40"/>
      <c r="Q223" s="40"/>
      <c r="R223" s="40"/>
      <c r="S223" s="40"/>
    </row>
    <row r="224" spans="2:19" ht="13.5">
      <c r="B224" s="40"/>
      <c r="C224" s="40"/>
      <c r="D224" s="40"/>
      <c r="E224" s="40"/>
      <c r="F224" s="40"/>
      <c r="G224" s="40"/>
      <c r="H224" s="40"/>
      <c r="L224" s="40"/>
      <c r="M224" s="40"/>
      <c r="N224" s="40"/>
      <c r="O224" s="40"/>
      <c r="P224" s="40"/>
      <c r="Q224" s="40"/>
      <c r="R224" s="40"/>
      <c r="S224" s="40"/>
    </row>
    <row r="225" spans="2:19" ht="13.5">
      <c r="B225" s="40"/>
      <c r="C225" s="40"/>
      <c r="D225" s="40"/>
      <c r="E225" s="40"/>
      <c r="F225" s="40"/>
      <c r="G225" s="40"/>
      <c r="H225" s="40"/>
      <c r="L225" s="40"/>
      <c r="M225" s="40"/>
      <c r="N225" s="40"/>
      <c r="O225" s="40"/>
      <c r="P225" s="40"/>
      <c r="Q225" s="40"/>
      <c r="R225" s="40"/>
      <c r="S225" s="40"/>
    </row>
    <row r="226" spans="2:19" ht="13.5">
      <c r="B226" s="40"/>
      <c r="C226" s="40"/>
      <c r="D226" s="40"/>
      <c r="E226" s="40"/>
      <c r="F226" s="40"/>
      <c r="G226" s="40"/>
      <c r="H226" s="40"/>
      <c r="L226" s="40"/>
      <c r="M226" s="40"/>
      <c r="N226" s="40"/>
      <c r="O226" s="40"/>
      <c r="P226" s="40"/>
      <c r="Q226" s="40"/>
      <c r="R226" s="40"/>
      <c r="S226" s="40"/>
    </row>
    <row r="227" spans="2:19" ht="13.5">
      <c r="B227" s="40"/>
      <c r="C227" s="40"/>
      <c r="D227" s="40"/>
      <c r="E227" s="40"/>
      <c r="F227" s="40"/>
      <c r="G227" s="40"/>
      <c r="H227" s="40"/>
      <c r="L227" s="40"/>
      <c r="M227" s="40"/>
      <c r="N227" s="40"/>
      <c r="O227" s="40"/>
      <c r="P227" s="40"/>
      <c r="Q227" s="40"/>
      <c r="R227" s="40"/>
      <c r="S227" s="40"/>
    </row>
    <row r="228" spans="2:19" ht="13.5">
      <c r="B228" s="40"/>
      <c r="C228" s="40"/>
      <c r="D228" s="40"/>
      <c r="E228" s="40"/>
      <c r="F228" s="40"/>
      <c r="G228" s="40"/>
      <c r="H228" s="40"/>
      <c r="L228" s="40"/>
      <c r="M228" s="40"/>
      <c r="N228" s="40"/>
      <c r="O228" s="40"/>
      <c r="P228" s="40"/>
      <c r="Q228" s="40"/>
      <c r="R228" s="40"/>
      <c r="S228" s="40"/>
    </row>
    <row r="229" spans="2:19" ht="13.5">
      <c r="B229" s="40"/>
      <c r="C229" s="40"/>
      <c r="D229" s="40"/>
      <c r="E229" s="40"/>
      <c r="F229" s="40"/>
      <c r="G229" s="40"/>
      <c r="H229" s="40"/>
      <c r="L229" s="40"/>
      <c r="M229" s="40"/>
      <c r="N229" s="40"/>
      <c r="O229" s="40"/>
      <c r="P229" s="40"/>
      <c r="Q229" s="40"/>
      <c r="R229" s="40"/>
      <c r="S229" s="40"/>
    </row>
    <row r="230" spans="2:19" ht="13.5">
      <c r="B230" s="40"/>
      <c r="C230" s="40"/>
      <c r="D230" s="40"/>
      <c r="E230" s="40"/>
      <c r="F230" s="40"/>
      <c r="G230" s="40"/>
      <c r="H230" s="40"/>
      <c r="L230" s="40"/>
      <c r="M230" s="40"/>
      <c r="N230" s="40"/>
      <c r="O230" s="40"/>
      <c r="P230" s="40"/>
      <c r="Q230" s="40"/>
      <c r="R230" s="40"/>
      <c r="S230" s="40"/>
    </row>
    <row r="231" spans="2:19" ht="13.5">
      <c r="B231" s="40"/>
      <c r="C231" s="40"/>
      <c r="D231" s="40"/>
      <c r="E231" s="40"/>
      <c r="F231" s="40"/>
      <c r="G231" s="40"/>
      <c r="H231" s="40"/>
      <c r="L231" s="40"/>
      <c r="M231" s="40"/>
      <c r="N231" s="40"/>
      <c r="O231" s="40"/>
      <c r="P231" s="40"/>
      <c r="Q231" s="40"/>
      <c r="R231" s="40"/>
      <c r="S231" s="40"/>
    </row>
    <row r="232" spans="2:19" ht="13.5">
      <c r="B232" s="40"/>
      <c r="C232" s="40"/>
      <c r="D232" s="40"/>
      <c r="E232" s="40"/>
      <c r="F232" s="40"/>
      <c r="G232" s="40"/>
      <c r="H232" s="40"/>
      <c r="L232" s="40"/>
      <c r="M232" s="40"/>
      <c r="N232" s="40"/>
      <c r="O232" s="40"/>
      <c r="P232" s="40"/>
      <c r="Q232" s="40"/>
      <c r="R232" s="40"/>
      <c r="S232" s="40"/>
    </row>
    <row r="233" spans="2:19" ht="13.5">
      <c r="B233" s="40"/>
      <c r="C233" s="40"/>
      <c r="D233" s="40"/>
      <c r="E233" s="40"/>
      <c r="F233" s="40"/>
      <c r="G233" s="40"/>
      <c r="H233" s="40"/>
      <c r="L233" s="40"/>
      <c r="M233" s="40"/>
      <c r="N233" s="40"/>
      <c r="O233" s="40"/>
      <c r="P233" s="40"/>
      <c r="Q233" s="40"/>
      <c r="R233" s="40"/>
      <c r="S233" s="40"/>
    </row>
    <row r="234" spans="2:19" ht="13.5">
      <c r="B234" s="40"/>
      <c r="C234" s="40"/>
      <c r="D234" s="40"/>
      <c r="E234" s="40"/>
      <c r="F234" s="40"/>
      <c r="G234" s="40"/>
      <c r="H234" s="40"/>
      <c r="L234" s="40"/>
      <c r="M234" s="40"/>
      <c r="N234" s="40"/>
      <c r="O234" s="40"/>
      <c r="P234" s="40"/>
      <c r="Q234" s="40"/>
      <c r="R234" s="40"/>
      <c r="S234" s="40"/>
    </row>
    <row r="235" spans="2:19" ht="13.5">
      <c r="B235" s="40"/>
      <c r="C235" s="40"/>
      <c r="D235" s="40"/>
      <c r="E235" s="40"/>
      <c r="F235" s="40"/>
      <c r="G235" s="40"/>
      <c r="H235" s="40"/>
      <c r="L235" s="40"/>
      <c r="M235" s="40"/>
      <c r="N235" s="40"/>
      <c r="O235" s="40"/>
      <c r="P235" s="40"/>
      <c r="Q235" s="40"/>
      <c r="R235" s="40"/>
      <c r="S235" s="40"/>
    </row>
    <row r="236" spans="2:19" ht="13.5">
      <c r="B236" s="40"/>
      <c r="C236" s="40"/>
      <c r="D236" s="40"/>
      <c r="E236" s="40"/>
      <c r="F236" s="40"/>
      <c r="G236" s="40"/>
      <c r="H236" s="40"/>
      <c r="L236" s="40"/>
      <c r="M236" s="40"/>
      <c r="N236" s="40"/>
      <c r="O236" s="40"/>
      <c r="P236" s="40"/>
      <c r="Q236" s="40"/>
      <c r="R236" s="40"/>
      <c r="S236" s="40"/>
    </row>
    <row r="237" spans="2:19" ht="13.5">
      <c r="B237" s="40"/>
      <c r="C237" s="40"/>
      <c r="D237" s="40"/>
      <c r="E237" s="40"/>
      <c r="F237" s="40"/>
      <c r="G237" s="40"/>
      <c r="H237" s="40"/>
      <c r="L237" s="40"/>
      <c r="M237" s="40"/>
      <c r="N237" s="40"/>
      <c r="O237" s="40"/>
      <c r="P237" s="40"/>
      <c r="Q237" s="40"/>
      <c r="R237" s="40"/>
      <c r="S237" s="40"/>
    </row>
    <row r="238" spans="2:19" ht="13.5">
      <c r="B238" s="40"/>
      <c r="C238" s="40"/>
      <c r="D238" s="40"/>
      <c r="E238" s="40"/>
      <c r="F238" s="40"/>
      <c r="G238" s="40"/>
      <c r="H238" s="40"/>
      <c r="L238" s="40"/>
      <c r="M238" s="40"/>
      <c r="N238" s="40"/>
      <c r="O238" s="40"/>
      <c r="P238" s="40"/>
      <c r="Q238" s="40"/>
      <c r="R238" s="40"/>
      <c r="S238" s="40"/>
    </row>
    <row r="239" spans="2:19" ht="13.5">
      <c r="B239" s="40"/>
      <c r="C239" s="40"/>
      <c r="D239" s="40"/>
      <c r="E239" s="40"/>
      <c r="F239" s="40"/>
      <c r="G239" s="40"/>
      <c r="H239" s="40"/>
      <c r="L239" s="40"/>
      <c r="M239" s="40"/>
      <c r="N239" s="40"/>
      <c r="O239" s="40"/>
      <c r="P239" s="40"/>
      <c r="Q239" s="40"/>
      <c r="R239" s="40"/>
      <c r="S239" s="40"/>
    </row>
    <row r="240" spans="2:19" ht="13.5">
      <c r="B240" s="40"/>
      <c r="C240" s="40"/>
      <c r="D240" s="40"/>
      <c r="E240" s="40"/>
      <c r="F240" s="40"/>
      <c r="G240" s="40"/>
      <c r="H240" s="40"/>
      <c r="L240" s="40"/>
      <c r="M240" s="40"/>
      <c r="N240" s="40"/>
      <c r="O240" s="40"/>
      <c r="P240" s="40"/>
      <c r="Q240" s="40"/>
      <c r="R240" s="40"/>
      <c r="S240" s="40"/>
    </row>
    <row r="241" spans="2:19" ht="13.5">
      <c r="B241" s="40"/>
      <c r="C241" s="40"/>
      <c r="D241" s="40"/>
      <c r="E241" s="40"/>
      <c r="F241" s="40"/>
      <c r="G241" s="40"/>
      <c r="H241" s="40"/>
      <c r="L241" s="40"/>
      <c r="M241" s="40"/>
      <c r="N241" s="40"/>
      <c r="O241" s="40"/>
      <c r="P241" s="40"/>
      <c r="Q241" s="40"/>
      <c r="R241" s="40"/>
      <c r="S241" s="40"/>
    </row>
    <row r="242" spans="2:19" ht="13.5">
      <c r="B242" s="40"/>
      <c r="C242" s="40"/>
      <c r="D242" s="40"/>
      <c r="E242" s="40"/>
      <c r="F242" s="40"/>
      <c r="G242" s="40"/>
      <c r="H242" s="40"/>
      <c r="L242" s="40"/>
      <c r="M242" s="40"/>
      <c r="N242" s="40"/>
      <c r="O242" s="40"/>
      <c r="P242" s="40"/>
      <c r="Q242" s="40"/>
      <c r="R242" s="40"/>
      <c r="S242" s="40"/>
    </row>
    <row r="243" spans="2:19" ht="13.5">
      <c r="B243" s="40"/>
      <c r="C243" s="40"/>
      <c r="D243" s="40"/>
      <c r="E243" s="40"/>
      <c r="F243" s="40"/>
      <c r="G243" s="40"/>
      <c r="H243" s="40"/>
      <c r="L243" s="40"/>
      <c r="M243" s="40"/>
      <c r="N243" s="40"/>
      <c r="O243" s="40"/>
      <c r="P243" s="40"/>
      <c r="Q243" s="40"/>
      <c r="R243" s="40"/>
      <c r="S243" s="40"/>
    </row>
    <row r="244" spans="2:19" ht="13.5">
      <c r="B244" s="40"/>
      <c r="C244" s="40"/>
      <c r="D244" s="40"/>
      <c r="E244" s="40"/>
      <c r="F244" s="40"/>
      <c r="G244" s="40"/>
      <c r="H244" s="40"/>
      <c r="L244" s="40"/>
      <c r="M244" s="40"/>
      <c r="N244" s="40"/>
      <c r="O244" s="40"/>
      <c r="P244" s="40"/>
      <c r="Q244" s="40"/>
      <c r="R244" s="40"/>
      <c r="S244" s="40"/>
    </row>
    <row r="245" spans="2:19" ht="13.5">
      <c r="B245" s="40"/>
      <c r="C245" s="40"/>
      <c r="D245" s="40"/>
      <c r="E245" s="40"/>
      <c r="F245" s="40"/>
      <c r="G245" s="40"/>
      <c r="H245" s="40"/>
      <c r="L245" s="40"/>
      <c r="M245" s="40"/>
      <c r="N245" s="40"/>
      <c r="O245" s="40"/>
      <c r="P245" s="40"/>
      <c r="Q245" s="40"/>
      <c r="R245" s="40"/>
      <c r="S245" s="40"/>
    </row>
    <row r="246" spans="2:19" ht="13.5">
      <c r="B246" s="40"/>
      <c r="C246" s="40"/>
      <c r="D246" s="40"/>
      <c r="E246" s="40"/>
      <c r="F246" s="40"/>
      <c r="G246" s="40"/>
      <c r="H246" s="40"/>
      <c r="L246" s="40"/>
      <c r="M246" s="40"/>
      <c r="N246" s="40"/>
      <c r="O246" s="40"/>
      <c r="P246" s="40"/>
      <c r="Q246" s="40"/>
      <c r="R246" s="40"/>
      <c r="S246" s="40"/>
    </row>
    <row r="247" spans="2:19" ht="13.5">
      <c r="B247" s="40"/>
      <c r="C247" s="40"/>
      <c r="D247" s="40"/>
      <c r="E247" s="40"/>
      <c r="F247" s="40"/>
      <c r="G247" s="40"/>
      <c r="H247" s="40"/>
      <c r="L247" s="40"/>
      <c r="M247" s="40"/>
      <c r="N247" s="40"/>
      <c r="O247" s="40"/>
      <c r="P247" s="40"/>
      <c r="Q247" s="40"/>
      <c r="R247" s="40"/>
      <c r="S247" s="40"/>
    </row>
    <row r="248" spans="2:19" ht="13.5">
      <c r="B248" s="40"/>
      <c r="C248" s="40"/>
      <c r="D248" s="40"/>
      <c r="E248" s="40"/>
      <c r="F248" s="40"/>
      <c r="G248" s="40"/>
      <c r="H248" s="40"/>
      <c r="L248" s="40"/>
      <c r="M248" s="40"/>
      <c r="N248" s="40"/>
      <c r="O248" s="40"/>
      <c r="P248" s="40"/>
      <c r="Q248" s="40"/>
      <c r="R248" s="40"/>
      <c r="S248" s="40"/>
    </row>
    <row r="249" spans="2:19" ht="13.5">
      <c r="B249" s="40"/>
      <c r="C249" s="40"/>
      <c r="D249" s="40"/>
      <c r="E249" s="40"/>
      <c r="F249" s="40"/>
      <c r="G249" s="40"/>
      <c r="H249" s="40"/>
      <c r="L249" s="40"/>
      <c r="M249" s="40"/>
      <c r="N249" s="40"/>
      <c r="O249" s="40"/>
      <c r="P249" s="40"/>
      <c r="Q249" s="40"/>
      <c r="R249" s="40"/>
      <c r="S249" s="40"/>
    </row>
    <row r="250" spans="2:19" ht="13.5">
      <c r="B250" s="40"/>
      <c r="C250" s="40"/>
      <c r="D250" s="40"/>
      <c r="E250" s="40"/>
      <c r="F250" s="40"/>
      <c r="G250" s="40"/>
      <c r="H250" s="40"/>
      <c r="L250" s="40"/>
      <c r="M250" s="40"/>
      <c r="N250" s="40"/>
      <c r="O250" s="40"/>
      <c r="P250" s="40"/>
      <c r="Q250" s="40"/>
      <c r="R250" s="40"/>
      <c r="S250" s="40"/>
    </row>
    <row r="251" spans="2:19" ht="13.5">
      <c r="B251" s="40"/>
      <c r="C251" s="40"/>
      <c r="D251" s="40"/>
      <c r="E251" s="40"/>
      <c r="F251" s="40"/>
      <c r="G251" s="40"/>
      <c r="H251" s="40"/>
      <c r="L251" s="40"/>
      <c r="M251" s="40"/>
      <c r="N251" s="40"/>
      <c r="O251" s="40"/>
      <c r="P251" s="40"/>
      <c r="Q251" s="40"/>
      <c r="R251" s="40"/>
      <c r="S251" s="40"/>
    </row>
    <row r="252" spans="2:19" ht="13.5">
      <c r="B252" s="40"/>
      <c r="C252" s="40"/>
      <c r="D252" s="40"/>
      <c r="E252" s="40"/>
      <c r="F252" s="40"/>
      <c r="G252" s="40"/>
      <c r="H252" s="40"/>
      <c r="L252" s="40"/>
      <c r="M252" s="40"/>
      <c r="N252" s="40"/>
      <c r="O252" s="40"/>
      <c r="P252" s="40"/>
      <c r="Q252" s="40"/>
      <c r="R252" s="40"/>
      <c r="S252" s="40"/>
    </row>
    <row r="253" spans="2:19" ht="13.5">
      <c r="B253" s="40"/>
      <c r="C253" s="40"/>
      <c r="D253" s="40"/>
      <c r="E253" s="40"/>
      <c r="F253" s="40"/>
      <c r="G253" s="40"/>
      <c r="H253" s="40"/>
      <c r="L253" s="40"/>
      <c r="M253" s="40"/>
      <c r="N253" s="40"/>
      <c r="O253" s="40"/>
      <c r="P253" s="40"/>
      <c r="Q253" s="40"/>
      <c r="R253" s="40"/>
      <c r="S253" s="40"/>
    </row>
    <row r="254" spans="2:19" ht="13.5">
      <c r="B254" s="40"/>
      <c r="C254" s="40"/>
      <c r="D254" s="40"/>
      <c r="E254" s="40"/>
      <c r="F254" s="40"/>
      <c r="G254" s="40"/>
      <c r="H254" s="40"/>
      <c r="L254" s="40"/>
      <c r="M254" s="40"/>
      <c r="N254" s="40"/>
      <c r="O254" s="40"/>
      <c r="P254" s="40"/>
      <c r="Q254" s="40"/>
      <c r="R254" s="40"/>
      <c r="S254" s="40"/>
    </row>
    <row r="255" spans="2:19" ht="13.5">
      <c r="B255" s="40"/>
      <c r="C255" s="40"/>
      <c r="D255" s="40"/>
      <c r="E255" s="40"/>
      <c r="F255" s="40"/>
      <c r="G255" s="40"/>
      <c r="H255" s="40"/>
      <c r="L255" s="40"/>
      <c r="M255" s="40"/>
      <c r="N255" s="40"/>
      <c r="O255" s="40"/>
      <c r="P255" s="40"/>
      <c r="Q255" s="40"/>
      <c r="R255" s="40"/>
      <c r="S255" s="40"/>
    </row>
    <row r="256" spans="2:19" ht="13.5">
      <c r="B256" s="40"/>
      <c r="C256" s="40"/>
      <c r="D256" s="40"/>
      <c r="E256" s="40"/>
      <c r="F256" s="40"/>
      <c r="G256" s="40"/>
      <c r="H256" s="40"/>
      <c r="L256" s="40"/>
      <c r="M256" s="40"/>
      <c r="N256" s="40"/>
      <c r="O256" s="40"/>
      <c r="P256" s="40"/>
      <c r="Q256" s="40"/>
      <c r="R256" s="40"/>
      <c r="S256" s="40"/>
    </row>
    <row r="257" spans="2:19" ht="13.5">
      <c r="B257" s="40"/>
      <c r="C257" s="40"/>
      <c r="D257" s="40"/>
      <c r="E257" s="40"/>
      <c r="F257" s="40"/>
      <c r="G257" s="40"/>
      <c r="H257" s="40"/>
      <c r="L257" s="40"/>
      <c r="M257" s="40"/>
      <c r="N257" s="40"/>
      <c r="O257" s="40"/>
      <c r="P257" s="40"/>
      <c r="Q257" s="40"/>
      <c r="R257" s="40"/>
      <c r="S257" s="40"/>
    </row>
    <row r="258" spans="2:19" ht="13.5">
      <c r="B258" s="40"/>
      <c r="C258" s="40"/>
      <c r="D258" s="40"/>
      <c r="E258" s="40"/>
      <c r="F258" s="40"/>
      <c r="G258" s="40"/>
      <c r="H258" s="40"/>
      <c r="L258" s="40"/>
      <c r="M258" s="40"/>
      <c r="N258" s="40"/>
      <c r="O258" s="40"/>
      <c r="P258" s="40"/>
      <c r="Q258" s="40"/>
      <c r="R258" s="40"/>
      <c r="S258" s="40"/>
    </row>
    <row r="259" spans="2:19" ht="13.5">
      <c r="B259" s="40"/>
      <c r="C259" s="40"/>
      <c r="D259" s="40"/>
      <c r="E259" s="40"/>
      <c r="F259" s="40"/>
      <c r="G259" s="40"/>
      <c r="H259" s="40"/>
      <c r="L259" s="40"/>
      <c r="M259" s="40"/>
      <c r="N259" s="40"/>
      <c r="O259" s="40"/>
      <c r="P259" s="40"/>
      <c r="Q259" s="40"/>
      <c r="R259" s="40"/>
      <c r="S259" s="40"/>
    </row>
    <row r="260" spans="2:19" ht="13.5">
      <c r="B260" s="40"/>
      <c r="C260" s="40"/>
      <c r="D260" s="40"/>
      <c r="E260" s="40"/>
      <c r="F260" s="40"/>
      <c r="G260" s="40"/>
      <c r="H260" s="40"/>
      <c r="L260" s="40"/>
      <c r="M260" s="40"/>
      <c r="N260" s="40"/>
      <c r="O260" s="40"/>
      <c r="P260" s="40"/>
      <c r="Q260" s="40"/>
      <c r="R260" s="40"/>
      <c r="S260" s="40"/>
    </row>
    <row r="261" spans="2:19" ht="13.5">
      <c r="B261" s="40"/>
      <c r="C261" s="40"/>
      <c r="D261" s="40"/>
      <c r="E261" s="40"/>
      <c r="F261" s="40"/>
      <c r="G261" s="40"/>
      <c r="H261" s="40"/>
      <c r="L261" s="40"/>
      <c r="M261" s="40"/>
      <c r="N261" s="40"/>
      <c r="O261" s="40"/>
      <c r="P261" s="40"/>
      <c r="Q261" s="40"/>
      <c r="R261" s="40"/>
      <c r="S261" s="40"/>
    </row>
    <row r="262" spans="2:19" ht="13.5">
      <c r="B262" s="40"/>
      <c r="C262" s="40"/>
      <c r="D262" s="40"/>
      <c r="E262" s="40"/>
      <c r="F262" s="40"/>
      <c r="G262" s="40"/>
      <c r="H262" s="40"/>
      <c r="L262" s="40"/>
      <c r="M262" s="40"/>
      <c r="N262" s="40"/>
      <c r="O262" s="40"/>
      <c r="P262" s="40"/>
      <c r="Q262" s="40"/>
      <c r="R262" s="40"/>
      <c r="S262" s="40"/>
    </row>
    <row r="263" spans="2:19" ht="13.5">
      <c r="B263" s="40"/>
      <c r="C263" s="40"/>
      <c r="D263" s="40"/>
      <c r="E263" s="40"/>
      <c r="F263" s="40"/>
      <c r="G263" s="40"/>
      <c r="H263" s="40"/>
      <c r="L263" s="40"/>
      <c r="M263" s="40"/>
      <c r="N263" s="40"/>
      <c r="O263" s="40"/>
      <c r="P263" s="40"/>
      <c r="Q263" s="40"/>
      <c r="R263" s="40"/>
      <c r="S263" s="40"/>
    </row>
    <row r="264" spans="2:19" ht="13.5">
      <c r="B264" s="40"/>
      <c r="C264" s="40"/>
      <c r="D264" s="40"/>
      <c r="E264" s="40"/>
      <c r="F264" s="40"/>
      <c r="G264" s="40"/>
      <c r="H264" s="40"/>
      <c r="L264" s="40"/>
      <c r="M264" s="40"/>
      <c r="N264" s="40"/>
      <c r="O264" s="40"/>
      <c r="P264" s="40"/>
      <c r="Q264" s="40"/>
      <c r="R264" s="40"/>
      <c r="S264" s="40"/>
    </row>
    <row r="265" spans="2:19" ht="13.5">
      <c r="B265" s="40"/>
      <c r="C265" s="40"/>
      <c r="D265" s="40"/>
      <c r="E265" s="40"/>
      <c r="F265" s="40"/>
      <c r="G265" s="40"/>
      <c r="H265" s="40"/>
      <c r="L265" s="40"/>
      <c r="M265" s="40"/>
      <c r="N265" s="40"/>
      <c r="O265" s="40"/>
      <c r="P265" s="40"/>
      <c r="Q265" s="40"/>
      <c r="R265" s="40"/>
      <c r="S265" s="40"/>
    </row>
    <row r="266" spans="2:19" ht="13.5">
      <c r="B266" s="40"/>
      <c r="C266" s="40"/>
      <c r="D266" s="40"/>
      <c r="E266" s="40"/>
      <c r="F266" s="40"/>
      <c r="G266" s="40"/>
      <c r="H266" s="40"/>
      <c r="L266" s="40"/>
      <c r="M266" s="40"/>
      <c r="N266" s="40"/>
      <c r="O266" s="40"/>
      <c r="P266" s="40"/>
      <c r="Q266" s="40"/>
      <c r="R266" s="40"/>
      <c r="S266" s="40"/>
    </row>
    <row r="267" spans="2:19" ht="13.5">
      <c r="B267" s="40"/>
      <c r="C267" s="40"/>
      <c r="D267" s="40"/>
      <c r="E267" s="40"/>
      <c r="F267" s="40"/>
      <c r="G267" s="40"/>
      <c r="H267" s="40"/>
      <c r="L267" s="40"/>
      <c r="M267" s="40"/>
      <c r="N267" s="40"/>
      <c r="O267" s="40"/>
      <c r="P267" s="40"/>
      <c r="Q267" s="40"/>
      <c r="R267" s="40"/>
      <c r="S267" s="40"/>
    </row>
    <row r="268" spans="2:19" ht="13.5">
      <c r="B268" s="40"/>
      <c r="C268" s="40"/>
      <c r="D268" s="40"/>
      <c r="E268" s="40"/>
      <c r="F268" s="40"/>
      <c r="G268" s="40"/>
      <c r="H268" s="40"/>
      <c r="L268" s="40"/>
      <c r="M268" s="40"/>
      <c r="N268" s="40"/>
      <c r="O268" s="40"/>
      <c r="P268" s="40"/>
      <c r="Q268" s="40"/>
      <c r="R268" s="40"/>
      <c r="S268" s="40"/>
    </row>
    <row r="269" spans="2:19" ht="13.5">
      <c r="B269" s="40"/>
      <c r="C269" s="40"/>
      <c r="D269" s="40"/>
      <c r="E269" s="40"/>
      <c r="F269" s="40"/>
      <c r="G269" s="40"/>
      <c r="H269" s="40"/>
      <c r="L269" s="40"/>
      <c r="M269" s="40"/>
      <c r="N269" s="40"/>
      <c r="O269" s="40"/>
      <c r="P269" s="40"/>
      <c r="Q269" s="40"/>
      <c r="R269" s="40"/>
      <c r="S269" s="40"/>
    </row>
    <row r="270" spans="2:19" ht="13.5">
      <c r="B270" s="40"/>
      <c r="C270" s="40"/>
      <c r="D270" s="40"/>
      <c r="E270" s="40"/>
      <c r="F270" s="40"/>
      <c r="G270" s="40"/>
      <c r="H270" s="40"/>
      <c r="L270" s="40"/>
      <c r="M270" s="40"/>
      <c r="N270" s="40"/>
      <c r="O270" s="40"/>
      <c r="P270" s="40"/>
      <c r="Q270" s="40"/>
      <c r="R270" s="40"/>
      <c r="S270" s="40"/>
    </row>
    <row r="271" spans="2:19" ht="13.5">
      <c r="B271" s="40"/>
      <c r="C271" s="40"/>
      <c r="D271" s="40"/>
      <c r="E271" s="40"/>
      <c r="F271" s="40"/>
      <c r="G271" s="40"/>
      <c r="H271" s="40"/>
      <c r="L271" s="40"/>
      <c r="M271" s="40"/>
      <c r="N271" s="40"/>
      <c r="O271" s="40"/>
      <c r="P271" s="40"/>
      <c r="Q271" s="40"/>
      <c r="R271" s="40"/>
      <c r="S271" s="40"/>
    </row>
    <row r="272" spans="2:19" ht="13.5">
      <c r="B272" s="40"/>
      <c r="C272" s="40"/>
      <c r="D272" s="40"/>
      <c r="E272" s="40"/>
      <c r="F272" s="40"/>
      <c r="G272" s="40"/>
      <c r="H272" s="40"/>
      <c r="L272" s="40"/>
      <c r="M272" s="40"/>
      <c r="N272" s="40"/>
      <c r="O272" s="40"/>
      <c r="P272" s="40"/>
      <c r="Q272" s="40"/>
      <c r="R272" s="40"/>
      <c r="S272" s="40"/>
    </row>
    <row r="273" spans="2:19" ht="13.5">
      <c r="B273" s="40"/>
      <c r="C273" s="40"/>
      <c r="D273" s="40"/>
      <c r="E273" s="40"/>
      <c r="F273" s="40"/>
      <c r="G273" s="40"/>
      <c r="H273" s="40"/>
      <c r="L273" s="40"/>
      <c r="M273" s="40"/>
      <c r="N273" s="40"/>
      <c r="O273" s="40"/>
      <c r="P273" s="40"/>
      <c r="Q273" s="40"/>
      <c r="R273" s="40"/>
      <c r="S273" s="40"/>
    </row>
    <row r="274" spans="2:19" ht="13.5">
      <c r="B274" s="40"/>
      <c r="C274" s="40"/>
      <c r="D274" s="40"/>
      <c r="E274" s="40"/>
      <c r="F274" s="40"/>
      <c r="G274" s="40"/>
      <c r="H274" s="40"/>
      <c r="L274" s="40"/>
      <c r="M274" s="40"/>
      <c r="N274" s="40"/>
      <c r="O274" s="40"/>
      <c r="P274" s="40"/>
      <c r="Q274" s="40"/>
      <c r="R274" s="40"/>
      <c r="S274" s="40"/>
    </row>
    <row r="275" spans="2:19" ht="13.5">
      <c r="B275" s="40"/>
      <c r="C275" s="40"/>
      <c r="D275" s="40"/>
      <c r="E275" s="40"/>
      <c r="F275" s="40"/>
      <c r="G275" s="40"/>
      <c r="H275" s="40"/>
      <c r="L275" s="40"/>
      <c r="M275" s="40"/>
      <c r="N275" s="40"/>
      <c r="O275" s="40"/>
      <c r="P275" s="40"/>
      <c r="Q275" s="40"/>
      <c r="R275" s="40"/>
      <c r="S275" s="40"/>
    </row>
    <row r="276" spans="2:19" ht="13.5">
      <c r="B276" s="40"/>
      <c r="C276" s="40"/>
      <c r="D276" s="40"/>
      <c r="E276" s="40"/>
      <c r="F276" s="40"/>
      <c r="G276" s="40"/>
      <c r="H276" s="40"/>
      <c r="L276" s="40"/>
      <c r="M276" s="40"/>
      <c r="N276" s="40"/>
      <c r="O276" s="40"/>
      <c r="P276" s="40"/>
      <c r="Q276" s="40"/>
      <c r="R276" s="40"/>
      <c r="S276" s="40"/>
    </row>
    <row r="277" spans="2:19" ht="13.5">
      <c r="B277" s="40"/>
      <c r="C277" s="40"/>
      <c r="D277" s="40"/>
      <c r="E277" s="40"/>
      <c r="F277" s="40"/>
      <c r="G277" s="40"/>
      <c r="H277" s="40"/>
      <c r="L277" s="40"/>
      <c r="M277" s="40"/>
      <c r="N277" s="40"/>
      <c r="O277" s="40"/>
      <c r="P277" s="40"/>
      <c r="Q277" s="40"/>
      <c r="R277" s="40"/>
      <c r="S277" s="40"/>
    </row>
    <row r="278" spans="2:19" ht="13.5">
      <c r="B278" s="40"/>
      <c r="C278" s="40"/>
      <c r="D278" s="40"/>
      <c r="E278" s="40"/>
      <c r="F278" s="40"/>
      <c r="G278" s="40"/>
      <c r="H278" s="40"/>
      <c r="L278" s="40"/>
      <c r="M278" s="40"/>
      <c r="N278" s="40"/>
      <c r="O278" s="40"/>
      <c r="P278" s="40"/>
      <c r="Q278" s="40"/>
      <c r="R278" s="40"/>
      <c r="S278" s="40"/>
    </row>
    <row r="279" spans="2:19" ht="13.5">
      <c r="B279" s="40"/>
      <c r="C279" s="40"/>
      <c r="D279" s="40"/>
      <c r="E279" s="40"/>
      <c r="F279" s="40"/>
      <c r="G279" s="40"/>
      <c r="H279" s="40"/>
      <c r="L279" s="40"/>
      <c r="M279" s="40"/>
      <c r="N279" s="40"/>
      <c r="O279" s="40"/>
      <c r="P279" s="40"/>
      <c r="Q279" s="40"/>
      <c r="R279" s="40"/>
      <c r="S279" s="40"/>
    </row>
    <row r="280" spans="2:19" ht="13.5">
      <c r="B280" s="40"/>
      <c r="C280" s="40"/>
      <c r="D280" s="40"/>
      <c r="E280" s="40"/>
      <c r="F280" s="40"/>
      <c r="G280" s="40"/>
      <c r="H280" s="40"/>
      <c r="L280" s="40"/>
      <c r="M280" s="40"/>
      <c r="N280" s="40"/>
      <c r="O280" s="40"/>
      <c r="P280" s="40"/>
      <c r="Q280" s="40"/>
      <c r="R280" s="40"/>
      <c r="S280" s="40"/>
    </row>
    <row r="281" spans="2:19" ht="13.5">
      <c r="B281" s="40"/>
      <c r="C281" s="40"/>
      <c r="D281" s="40"/>
      <c r="E281" s="40"/>
      <c r="F281" s="40"/>
      <c r="G281" s="40"/>
      <c r="H281" s="40"/>
      <c r="L281" s="40"/>
      <c r="M281" s="40"/>
      <c r="N281" s="40"/>
      <c r="O281" s="40"/>
      <c r="P281" s="40"/>
      <c r="Q281" s="40"/>
      <c r="R281" s="40"/>
      <c r="S281" s="40"/>
    </row>
    <row r="282" spans="2:19" ht="13.5">
      <c r="B282" s="40"/>
      <c r="C282" s="40"/>
      <c r="D282" s="40"/>
      <c r="E282" s="40"/>
      <c r="F282" s="40"/>
      <c r="G282" s="40"/>
      <c r="H282" s="40"/>
      <c r="L282" s="40"/>
      <c r="M282" s="40"/>
      <c r="N282" s="40"/>
      <c r="O282" s="40"/>
      <c r="P282" s="40"/>
      <c r="Q282" s="40"/>
      <c r="R282" s="40"/>
      <c r="S282" s="40"/>
    </row>
    <row r="283" spans="2:19" ht="13.5">
      <c r="B283" s="40"/>
      <c r="C283" s="40"/>
      <c r="D283" s="40"/>
      <c r="E283" s="40"/>
      <c r="F283" s="40"/>
      <c r="G283" s="40"/>
      <c r="H283" s="40"/>
      <c r="L283" s="40"/>
      <c r="M283" s="40"/>
      <c r="N283" s="40"/>
      <c r="O283" s="40"/>
      <c r="P283" s="40"/>
      <c r="Q283" s="40"/>
      <c r="R283" s="40"/>
      <c r="S283" s="40"/>
    </row>
    <row r="284" spans="2:19" ht="13.5">
      <c r="B284" s="40"/>
      <c r="C284" s="40"/>
      <c r="D284" s="40"/>
      <c r="E284" s="40"/>
      <c r="F284" s="40"/>
      <c r="G284" s="40"/>
      <c r="H284" s="40"/>
      <c r="L284" s="40"/>
      <c r="M284" s="40"/>
      <c r="N284" s="40"/>
      <c r="O284" s="40"/>
      <c r="P284" s="40"/>
      <c r="Q284" s="40"/>
      <c r="R284" s="40"/>
      <c r="S284" s="40"/>
    </row>
    <row r="285" spans="2:19" ht="13.5">
      <c r="B285" s="40"/>
      <c r="C285" s="40"/>
      <c r="D285" s="40"/>
      <c r="E285" s="40"/>
      <c r="F285" s="40"/>
      <c r="G285" s="40"/>
      <c r="H285" s="40"/>
      <c r="L285" s="40"/>
      <c r="M285" s="40"/>
      <c r="N285" s="40"/>
      <c r="O285" s="40"/>
      <c r="P285" s="40"/>
      <c r="Q285" s="40"/>
      <c r="R285" s="40"/>
      <c r="S285" s="40"/>
    </row>
    <row r="286" spans="2:19" ht="13.5">
      <c r="B286" s="40"/>
      <c r="C286" s="40"/>
      <c r="D286" s="40"/>
      <c r="E286" s="40"/>
      <c r="F286" s="40"/>
      <c r="G286" s="40"/>
      <c r="H286" s="40"/>
      <c r="L286" s="40"/>
      <c r="M286" s="40"/>
      <c r="N286" s="40"/>
      <c r="O286" s="40"/>
      <c r="P286" s="40"/>
      <c r="Q286" s="40"/>
      <c r="R286" s="40"/>
      <c r="S286" s="40"/>
    </row>
    <row r="287" spans="2:19" ht="13.5">
      <c r="B287" s="40"/>
      <c r="C287" s="40"/>
      <c r="D287" s="40"/>
      <c r="E287" s="40"/>
      <c r="F287" s="40"/>
      <c r="G287" s="40"/>
      <c r="H287" s="40"/>
      <c r="L287" s="40"/>
      <c r="M287" s="40"/>
      <c r="N287" s="40"/>
      <c r="O287" s="40"/>
      <c r="P287" s="40"/>
      <c r="Q287" s="40"/>
      <c r="R287" s="40"/>
      <c r="S287" s="40"/>
    </row>
    <row r="288" spans="2:19" ht="13.5">
      <c r="B288" s="40"/>
      <c r="C288" s="40"/>
      <c r="D288" s="40"/>
      <c r="E288" s="40"/>
      <c r="F288" s="40"/>
      <c r="G288" s="40"/>
      <c r="H288" s="40"/>
      <c r="L288" s="40"/>
      <c r="M288" s="40"/>
      <c r="N288" s="40"/>
      <c r="O288" s="40"/>
      <c r="P288" s="40"/>
      <c r="Q288" s="40"/>
      <c r="R288" s="40"/>
      <c r="S288" s="40"/>
    </row>
    <row r="289" spans="2:19" ht="13.5">
      <c r="B289" s="40"/>
      <c r="C289" s="40"/>
      <c r="D289" s="40"/>
      <c r="E289" s="40"/>
      <c r="F289" s="40"/>
      <c r="G289" s="40"/>
      <c r="H289" s="40"/>
      <c r="L289" s="40"/>
      <c r="M289" s="40"/>
      <c r="N289" s="40"/>
      <c r="O289" s="40"/>
      <c r="P289" s="40"/>
      <c r="Q289" s="40"/>
      <c r="R289" s="40"/>
      <c r="S289" s="40"/>
    </row>
    <row r="290" spans="2:19" ht="13.5">
      <c r="B290" s="40"/>
      <c r="C290" s="40"/>
      <c r="D290" s="40"/>
      <c r="E290" s="40"/>
      <c r="F290" s="40"/>
      <c r="G290" s="40"/>
      <c r="H290" s="40"/>
      <c r="L290" s="40"/>
      <c r="M290" s="40"/>
      <c r="N290" s="40"/>
      <c r="O290" s="40"/>
      <c r="P290" s="40"/>
      <c r="Q290" s="40"/>
      <c r="R290" s="40"/>
      <c r="S290" s="40"/>
    </row>
    <row r="291" spans="2:19" ht="13.5">
      <c r="B291" s="40"/>
      <c r="C291" s="40"/>
      <c r="D291" s="40"/>
      <c r="E291" s="40"/>
      <c r="F291" s="40"/>
      <c r="G291" s="40"/>
      <c r="H291" s="40"/>
      <c r="L291" s="40"/>
      <c r="M291" s="40"/>
      <c r="N291" s="40"/>
      <c r="O291" s="40"/>
      <c r="P291" s="40"/>
      <c r="Q291" s="40"/>
      <c r="R291" s="40"/>
      <c r="S291" s="40"/>
    </row>
    <row r="292" spans="2:19" ht="13.5">
      <c r="B292" s="40"/>
      <c r="C292" s="40"/>
      <c r="D292" s="40"/>
      <c r="E292" s="40"/>
      <c r="F292" s="40"/>
      <c r="G292" s="40"/>
      <c r="H292" s="40"/>
      <c r="L292" s="40"/>
      <c r="M292" s="40"/>
      <c r="N292" s="40"/>
      <c r="O292" s="40"/>
      <c r="P292" s="40"/>
      <c r="Q292" s="40"/>
      <c r="R292" s="40"/>
      <c r="S292" s="40"/>
    </row>
    <row r="293" spans="2:19" ht="13.5">
      <c r="B293" s="40"/>
      <c r="C293" s="40"/>
      <c r="D293" s="40"/>
      <c r="E293" s="40"/>
      <c r="F293" s="40"/>
      <c r="G293" s="40"/>
      <c r="H293" s="40"/>
      <c r="L293" s="40"/>
      <c r="M293" s="40"/>
      <c r="N293" s="40"/>
      <c r="O293" s="40"/>
      <c r="P293" s="40"/>
      <c r="Q293" s="40"/>
      <c r="R293" s="40"/>
      <c r="S293" s="40"/>
    </row>
    <row r="294" spans="2:19" ht="13.5">
      <c r="B294" s="40"/>
      <c r="C294" s="40"/>
      <c r="D294" s="40"/>
      <c r="E294" s="40"/>
      <c r="F294" s="40"/>
      <c r="G294" s="40"/>
      <c r="H294" s="40"/>
      <c r="L294" s="40"/>
      <c r="M294" s="40"/>
      <c r="N294" s="40"/>
      <c r="O294" s="40"/>
      <c r="P294" s="40"/>
      <c r="Q294" s="40"/>
      <c r="R294" s="40"/>
      <c r="S294" s="40"/>
    </row>
    <row r="295" spans="2:19" ht="13.5">
      <c r="B295" s="40"/>
      <c r="C295" s="40"/>
      <c r="D295" s="40"/>
      <c r="E295" s="40"/>
      <c r="F295" s="40"/>
      <c r="G295" s="40"/>
      <c r="H295" s="40"/>
      <c r="L295" s="40"/>
      <c r="M295" s="40"/>
      <c r="N295" s="40"/>
      <c r="O295" s="40"/>
      <c r="P295" s="40"/>
      <c r="Q295" s="40"/>
      <c r="R295" s="40"/>
      <c r="S295" s="40"/>
    </row>
    <row r="296" spans="2:19" ht="13.5">
      <c r="B296" s="40"/>
      <c r="C296" s="40"/>
      <c r="D296" s="40"/>
      <c r="E296" s="40"/>
      <c r="F296" s="40"/>
      <c r="G296" s="40"/>
      <c r="H296" s="40"/>
      <c r="L296" s="40"/>
      <c r="M296" s="40"/>
      <c r="N296" s="40"/>
      <c r="O296" s="40"/>
      <c r="P296" s="40"/>
      <c r="Q296" s="40"/>
      <c r="R296" s="40"/>
      <c r="S296" s="40"/>
    </row>
    <row r="297" spans="2:19" ht="13.5">
      <c r="B297" s="40"/>
      <c r="C297" s="40"/>
      <c r="D297" s="40"/>
      <c r="E297" s="40"/>
      <c r="F297" s="40"/>
      <c r="G297" s="40"/>
      <c r="H297" s="40"/>
      <c r="L297" s="40"/>
      <c r="M297" s="40"/>
      <c r="N297" s="40"/>
      <c r="O297" s="40"/>
      <c r="P297" s="40"/>
      <c r="Q297" s="40"/>
      <c r="R297" s="40"/>
      <c r="S297" s="40"/>
    </row>
    <row r="298" spans="2:19" ht="13.5">
      <c r="B298" s="40"/>
      <c r="C298" s="40"/>
      <c r="D298" s="40"/>
      <c r="E298" s="40"/>
      <c r="F298" s="40"/>
      <c r="G298" s="40"/>
      <c r="H298" s="40"/>
      <c r="L298" s="40"/>
      <c r="M298" s="40"/>
      <c r="N298" s="40"/>
      <c r="O298" s="40"/>
      <c r="P298" s="40"/>
      <c r="Q298" s="40"/>
      <c r="R298" s="40"/>
      <c r="S298" s="40"/>
    </row>
    <row r="299" spans="2:19" ht="13.5">
      <c r="B299" s="40"/>
      <c r="C299" s="40"/>
      <c r="D299" s="40"/>
      <c r="E299" s="40"/>
      <c r="F299" s="40"/>
      <c r="G299" s="40"/>
      <c r="H299" s="40"/>
      <c r="L299" s="40"/>
      <c r="M299" s="40"/>
      <c r="N299" s="40"/>
      <c r="O299" s="40"/>
      <c r="P299" s="40"/>
      <c r="Q299" s="40"/>
      <c r="R299" s="40"/>
      <c r="S299" s="40"/>
    </row>
    <row r="300" spans="2:19" ht="13.5">
      <c r="B300" s="40"/>
      <c r="C300" s="40"/>
      <c r="D300" s="40"/>
      <c r="E300" s="40"/>
      <c r="F300" s="40"/>
      <c r="G300" s="40"/>
      <c r="H300" s="40"/>
      <c r="L300" s="40"/>
      <c r="M300" s="40"/>
      <c r="N300" s="40"/>
      <c r="O300" s="40"/>
      <c r="P300" s="40"/>
      <c r="Q300" s="40"/>
      <c r="R300" s="40"/>
      <c r="S300" s="40"/>
    </row>
    <row r="301" spans="2:19" ht="13.5">
      <c r="B301" s="40"/>
      <c r="C301" s="40"/>
      <c r="D301" s="40"/>
      <c r="E301" s="40"/>
      <c r="F301" s="40"/>
      <c r="G301" s="40"/>
      <c r="H301" s="40"/>
      <c r="L301" s="40"/>
      <c r="M301" s="40"/>
      <c r="N301" s="40"/>
      <c r="O301" s="40"/>
      <c r="P301" s="40"/>
      <c r="Q301" s="40"/>
      <c r="R301" s="40"/>
      <c r="S301" s="40"/>
    </row>
    <row r="302" spans="2:19" ht="13.5">
      <c r="B302" s="40"/>
      <c r="C302" s="40"/>
      <c r="D302" s="40"/>
      <c r="E302" s="40"/>
      <c r="F302" s="40"/>
      <c r="G302" s="40"/>
      <c r="H302" s="40"/>
      <c r="L302" s="40"/>
      <c r="M302" s="40"/>
      <c r="N302" s="40"/>
      <c r="O302" s="40"/>
      <c r="P302" s="40"/>
      <c r="Q302" s="40"/>
      <c r="R302" s="40"/>
      <c r="S302" s="40"/>
    </row>
    <row r="303" spans="2:19" ht="13.5">
      <c r="B303" s="40"/>
      <c r="C303" s="40"/>
      <c r="D303" s="40"/>
      <c r="E303" s="40"/>
      <c r="F303" s="40"/>
      <c r="G303" s="40"/>
      <c r="H303" s="40"/>
      <c r="L303" s="40"/>
      <c r="M303" s="40"/>
      <c r="N303" s="40"/>
      <c r="O303" s="40"/>
      <c r="P303" s="40"/>
      <c r="Q303" s="40"/>
      <c r="R303" s="40"/>
      <c r="S303" s="40"/>
    </row>
    <row r="304" spans="2:19" ht="13.5">
      <c r="B304" s="40"/>
      <c r="C304" s="40"/>
      <c r="D304" s="40"/>
      <c r="E304" s="40"/>
      <c r="F304" s="40"/>
      <c r="G304" s="40"/>
      <c r="H304" s="40"/>
      <c r="L304" s="40"/>
      <c r="M304" s="40"/>
      <c r="N304" s="40"/>
      <c r="O304" s="40"/>
      <c r="P304" s="40"/>
      <c r="Q304" s="40"/>
      <c r="R304" s="40"/>
      <c r="S304" s="40"/>
    </row>
    <row r="305" spans="2:19" ht="13.5">
      <c r="B305" s="40"/>
      <c r="C305" s="40"/>
      <c r="D305" s="40"/>
      <c r="E305" s="40"/>
      <c r="F305" s="40"/>
      <c r="G305" s="40"/>
      <c r="H305" s="40"/>
      <c r="L305" s="40"/>
      <c r="M305" s="40"/>
      <c r="N305" s="40"/>
      <c r="O305" s="40"/>
      <c r="P305" s="40"/>
      <c r="Q305" s="40"/>
      <c r="R305" s="40"/>
      <c r="S305" s="40"/>
    </row>
    <row r="306" spans="2:19" ht="13.5">
      <c r="B306" s="40"/>
      <c r="C306" s="40"/>
      <c r="D306" s="40"/>
      <c r="E306" s="40"/>
      <c r="F306" s="40"/>
      <c r="G306" s="40"/>
      <c r="H306" s="40"/>
      <c r="L306" s="40"/>
      <c r="M306" s="40"/>
      <c r="N306" s="40"/>
      <c r="O306" s="40"/>
      <c r="P306" s="40"/>
      <c r="Q306" s="40"/>
      <c r="R306" s="40"/>
      <c r="S306" s="40"/>
    </row>
    <row r="307" spans="2:19" ht="13.5">
      <c r="B307" s="40"/>
      <c r="C307" s="40"/>
      <c r="D307" s="40"/>
      <c r="E307" s="40"/>
      <c r="F307" s="40"/>
      <c r="G307" s="40"/>
      <c r="H307" s="40"/>
      <c r="L307" s="40"/>
      <c r="M307" s="40"/>
      <c r="N307" s="40"/>
      <c r="O307" s="40"/>
      <c r="P307" s="40"/>
      <c r="Q307" s="40"/>
      <c r="R307" s="40"/>
      <c r="S307" s="40"/>
    </row>
    <row r="308" spans="2:19" ht="13.5">
      <c r="B308" s="40"/>
      <c r="C308" s="40"/>
      <c r="D308" s="40"/>
      <c r="E308" s="40"/>
      <c r="F308" s="40"/>
      <c r="G308" s="40"/>
      <c r="H308" s="40"/>
      <c r="L308" s="40"/>
      <c r="M308" s="40"/>
      <c r="N308" s="40"/>
      <c r="O308" s="40"/>
      <c r="P308" s="40"/>
      <c r="Q308" s="40"/>
      <c r="R308" s="40"/>
      <c r="S308" s="40"/>
    </row>
    <row r="309" spans="2:19" ht="13.5">
      <c r="B309" s="40"/>
      <c r="C309" s="40"/>
      <c r="D309" s="40"/>
      <c r="E309" s="40"/>
      <c r="F309" s="40"/>
      <c r="G309" s="40"/>
      <c r="H309" s="40"/>
      <c r="L309" s="40"/>
      <c r="M309" s="40"/>
      <c r="N309" s="40"/>
      <c r="O309" s="40"/>
      <c r="P309" s="40"/>
      <c r="Q309" s="40"/>
      <c r="R309" s="40"/>
      <c r="S309" s="40"/>
    </row>
    <row r="310" spans="2:19" ht="13.5">
      <c r="B310" s="40"/>
      <c r="C310" s="40"/>
      <c r="D310" s="40"/>
      <c r="E310" s="40"/>
      <c r="F310" s="40"/>
      <c r="G310" s="40"/>
      <c r="H310" s="40"/>
      <c r="L310" s="40"/>
      <c r="M310" s="40"/>
      <c r="N310" s="40"/>
      <c r="O310" s="40"/>
      <c r="P310" s="40"/>
      <c r="Q310" s="40"/>
      <c r="R310" s="40"/>
      <c r="S310" s="40"/>
    </row>
    <row r="311" spans="2:19" ht="13.5">
      <c r="B311" s="40"/>
      <c r="C311" s="40"/>
      <c r="D311" s="40"/>
      <c r="E311" s="40"/>
      <c r="F311" s="40"/>
      <c r="G311" s="40"/>
      <c r="H311" s="40"/>
      <c r="L311" s="40"/>
      <c r="M311" s="40"/>
      <c r="N311" s="40"/>
      <c r="O311" s="40"/>
      <c r="P311" s="40"/>
      <c r="Q311" s="40"/>
      <c r="R311" s="40"/>
      <c r="S311" s="40"/>
    </row>
    <row r="312" spans="2:19" ht="13.5">
      <c r="B312" s="40"/>
      <c r="C312" s="40"/>
      <c r="D312" s="40"/>
      <c r="E312" s="40"/>
      <c r="F312" s="40"/>
      <c r="G312" s="40"/>
      <c r="H312" s="40"/>
      <c r="L312" s="40"/>
      <c r="M312" s="40"/>
      <c r="N312" s="40"/>
      <c r="O312" s="40"/>
      <c r="P312" s="40"/>
      <c r="Q312" s="40"/>
      <c r="R312" s="40"/>
      <c r="S312" s="40"/>
    </row>
    <row r="313" spans="2:19" ht="13.5">
      <c r="B313" s="40"/>
      <c r="C313" s="40"/>
      <c r="D313" s="40"/>
      <c r="E313" s="40"/>
      <c r="F313" s="40"/>
      <c r="G313" s="40"/>
      <c r="H313" s="40"/>
      <c r="L313" s="40"/>
      <c r="M313" s="40"/>
      <c r="N313" s="40"/>
      <c r="O313" s="40"/>
      <c r="P313" s="40"/>
      <c r="Q313" s="40"/>
      <c r="R313" s="40"/>
      <c r="S313" s="40"/>
    </row>
    <row r="314" spans="2:19" ht="13.5">
      <c r="B314" s="40"/>
      <c r="C314" s="40"/>
      <c r="D314" s="40"/>
      <c r="E314" s="40"/>
      <c r="F314" s="40"/>
      <c r="G314" s="40"/>
      <c r="H314" s="40"/>
      <c r="L314" s="40"/>
      <c r="M314" s="40"/>
      <c r="N314" s="40"/>
      <c r="O314" s="40"/>
      <c r="P314" s="40"/>
      <c r="Q314" s="40"/>
      <c r="R314" s="40"/>
      <c r="S314" s="40"/>
    </row>
    <row r="315" spans="2:19" ht="13.5">
      <c r="B315" s="40"/>
      <c r="C315" s="40"/>
      <c r="D315" s="40"/>
      <c r="E315" s="40"/>
      <c r="F315" s="40"/>
      <c r="G315" s="40"/>
      <c r="H315" s="40"/>
      <c r="L315" s="40"/>
      <c r="M315" s="40"/>
      <c r="N315" s="40"/>
      <c r="O315" s="40"/>
      <c r="P315" s="40"/>
      <c r="Q315" s="40"/>
      <c r="R315" s="40"/>
      <c r="S315" s="40"/>
    </row>
    <row r="316" spans="2:19" ht="13.5">
      <c r="B316" s="40"/>
      <c r="C316" s="40"/>
      <c r="D316" s="40"/>
      <c r="E316" s="40"/>
      <c r="F316" s="40"/>
      <c r="G316" s="40"/>
      <c r="H316" s="40"/>
      <c r="L316" s="40"/>
      <c r="M316" s="40"/>
      <c r="N316" s="40"/>
      <c r="O316" s="40"/>
      <c r="P316" s="40"/>
      <c r="Q316" s="40"/>
      <c r="R316" s="40"/>
      <c r="S316" s="40"/>
    </row>
    <row r="317" spans="2:19" ht="13.5">
      <c r="B317" s="40"/>
      <c r="C317" s="40"/>
      <c r="D317" s="40"/>
      <c r="E317" s="40"/>
      <c r="F317" s="40"/>
      <c r="G317" s="40"/>
      <c r="H317" s="40"/>
      <c r="L317" s="40"/>
      <c r="M317" s="40"/>
      <c r="N317" s="40"/>
      <c r="O317" s="40"/>
      <c r="P317" s="40"/>
      <c r="Q317" s="40"/>
      <c r="R317" s="40"/>
      <c r="S317" s="40"/>
    </row>
    <row r="318" spans="2:19" ht="13.5">
      <c r="B318" s="40"/>
      <c r="C318" s="40"/>
      <c r="D318" s="40"/>
      <c r="E318" s="40"/>
      <c r="F318" s="40"/>
      <c r="G318" s="40"/>
      <c r="H318" s="40"/>
      <c r="L318" s="40"/>
      <c r="M318" s="40"/>
      <c r="N318" s="40"/>
      <c r="O318" s="40"/>
      <c r="P318" s="40"/>
      <c r="Q318" s="40"/>
      <c r="R318" s="40"/>
      <c r="S318" s="40"/>
    </row>
    <row r="319" spans="2:19" ht="13.5">
      <c r="B319" s="40"/>
      <c r="C319" s="40"/>
      <c r="D319" s="40"/>
      <c r="E319" s="40"/>
      <c r="F319" s="40"/>
      <c r="G319" s="40"/>
      <c r="H319" s="40"/>
      <c r="L319" s="40"/>
      <c r="M319" s="40"/>
      <c r="N319" s="40"/>
      <c r="O319" s="40"/>
      <c r="P319" s="40"/>
      <c r="Q319" s="40"/>
      <c r="R319" s="40"/>
      <c r="S319" s="40"/>
    </row>
    <row r="320" spans="2:19" ht="13.5">
      <c r="B320" s="40"/>
      <c r="C320" s="40"/>
      <c r="D320" s="40"/>
      <c r="E320" s="40"/>
      <c r="F320" s="40"/>
      <c r="G320" s="40"/>
      <c r="H320" s="40"/>
      <c r="L320" s="40"/>
      <c r="M320" s="40"/>
      <c r="N320" s="40"/>
      <c r="O320" s="40"/>
      <c r="P320" s="40"/>
      <c r="Q320" s="40"/>
      <c r="R320" s="40"/>
      <c r="S320" s="40"/>
    </row>
    <row r="321" spans="2:19" ht="13.5">
      <c r="B321" s="40"/>
      <c r="C321" s="40"/>
      <c r="D321" s="40"/>
      <c r="E321" s="40"/>
      <c r="F321" s="40"/>
      <c r="G321" s="40"/>
      <c r="H321" s="40"/>
      <c r="L321" s="40"/>
      <c r="M321" s="40"/>
      <c r="N321" s="40"/>
      <c r="O321" s="40"/>
      <c r="P321" s="40"/>
      <c r="Q321" s="40"/>
      <c r="R321" s="40"/>
      <c r="S321" s="40"/>
    </row>
    <row r="322" spans="2:19" ht="13.5">
      <c r="B322" s="40"/>
      <c r="C322" s="40"/>
      <c r="D322" s="40"/>
      <c r="E322" s="40"/>
      <c r="F322" s="40"/>
      <c r="G322" s="40"/>
      <c r="H322" s="40"/>
      <c r="L322" s="40"/>
      <c r="M322" s="40"/>
      <c r="N322" s="40"/>
      <c r="O322" s="40"/>
      <c r="P322" s="40"/>
      <c r="Q322" s="40"/>
      <c r="R322" s="40"/>
      <c r="S322" s="40"/>
    </row>
    <row r="323" spans="2:19" ht="13.5">
      <c r="B323" s="40"/>
      <c r="C323" s="40"/>
      <c r="D323" s="40"/>
      <c r="E323" s="40"/>
      <c r="F323" s="40"/>
      <c r="G323" s="40"/>
      <c r="H323" s="40"/>
      <c r="L323" s="40"/>
      <c r="M323" s="40"/>
      <c r="N323" s="40"/>
      <c r="O323" s="40"/>
      <c r="P323" s="40"/>
      <c r="Q323" s="40"/>
      <c r="R323" s="40"/>
      <c r="S323" s="40"/>
    </row>
    <row r="324" spans="2:19" ht="13.5">
      <c r="B324" s="40"/>
      <c r="C324" s="40"/>
      <c r="D324" s="40"/>
      <c r="E324" s="40"/>
      <c r="F324" s="40"/>
      <c r="G324" s="40"/>
      <c r="H324" s="40"/>
      <c r="L324" s="40"/>
      <c r="M324" s="40"/>
      <c r="N324" s="40"/>
      <c r="O324" s="40"/>
      <c r="P324" s="40"/>
      <c r="Q324" s="40"/>
      <c r="R324" s="40"/>
      <c r="S324" s="40"/>
    </row>
    <row r="325" spans="2:19" ht="13.5">
      <c r="B325" s="40"/>
      <c r="C325" s="40"/>
      <c r="D325" s="40"/>
      <c r="E325" s="40"/>
      <c r="F325" s="40"/>
      <c r="G325" s="40"/>
      <c r="H325" s="40"/>
      <c r="L325" s="40"/>
      <c r="M325" s="40"/>
      <c r="N325" s="40"/>
      <c r="O325" s="40"/>
      <c r="P325" s="40"/>
      <c r="Q325" s="40"/>
      <c r="R325" s="40"/>
      <c r="S325" s="40"/>
    </row>
    <row r="326" spans="2:19" ht="13.5">
      <c r="B326" s="40"/>
      <c r="C326" s="40"/>
      <c r="D326" s="40"/>
      <c r="E326" s="40"/>
      <c r="F326" s="40"/>
      <c r="G326" s="40"/>
      <c r="H326" s="40"/>
      <c r="L326" s="40"/>
      <c r="M326" s="40"/>
      <c r="N326" s="40"/>
      <c r="O326" s="40"/>
      <c r="P326" s="40"/>
      <c r="Q326" s="40"/>
      <c r="R326" s="40"/>
      <c r="S326" s="40"/>
    </row>
    <row r="327" spans="2:19" ht="13.5">
      <c r="B327" s="40"/>
      <c r="C327" s="40"/>
      <c r="D327" s="40"/>
      <c r="E327" s="40"/>
      <c r="F327" s="40"/>
      <c r="G327" s="40"/>
      <c r="H327" s="40"/>
      <c r="L327" s="40"/>
      <c r="M327" s="40"/>
      <c r="N327" s="40"/>
      <c r="O327" s="40"/>
      <c r="P327" s="40"/>
      <c r="Q327" s="40"/>
      <c r="R327" s="40"/>
      <c r="S327" s="40"/>
    </row>
    <row r="328" spans="2:19" ht="13.5">
      <c r="B328" s="40"/>
      <c r="C328" s="40"/>
      <c r="D328" s="40"/>
      <c r="E328" s="40"/>
      <c r="F328" s="40"/>
      <c r="G328" s="40"/>
      <c r="H328" s="40"/>
      <c r="L328" s="40"/>
      <c r="M328" s="40"/>
      <c r="N328" s="40"/>
      <c r="O328" s="40"/>
      <c r="P328" s="40"/>
      <c r="Q328" s="40"/>
      <c r="R328" s="40"/>
      <c r="S328" s="40"/>
    </row>
    <row r="329" spans="2:19" ht="13.5">
      <c r="B329" s="40"/>
      <c r="C329" s="40"/>
      <c r="D329" s="40"/>
      <c r="E329" s="40"/>
      <c r="F329" s="40"/>
      <c r="G329" s="40"/>
      <c r="H329" s="40"/>
      <c r="L329" s="40"/>
      <c r="M329" s="40"/>
      <c r="N329" s="40"/>
      <c r="O329" s="40"/>
      <c r="P329" s="40"/>
      <c r="Q329" s="40"/>
      <c r="R329" s="40"/>
      <c r="S329" s="40"/>
    </row>
    <row r="330" spans="2:19" ht="13.5">
      <c r="B330" s="40"/>
      <c r="C330" s="40"/>
      <c r="D330" s="40"/>
      <c r="E330" s="40"/>
      <c r="F330" s="40"/>
      <c r="G330" s="40"/>
      <c r="H330" s="40"/>
      <c r="L330" s="40"/>
      <c r="M330" s="40"/>
      <c r="N330" s="40"/>
      <c r="O330" s="40"/>
      <c r="P330" s="40"/>
      <c r="Q330" s="40"/>
      <c r="R330" s="40"/>
      <c r="S330" s="40"/>
    </row>
    <row r="331" spans="2:19" ht="13.5">
      <c r="B331" s="40"/>
      <c r="C331" s="40"/>
      <c r="D331" s="40"/>
      <c r="E331" s="40"/>
      <c r="F331" s="40"/>
      <c r="G331" s="40"/>
      <c r="H331" s="40"/>
      <c r="L331" s="40"/>
      <c r="M331" s="40"/>
      <c r="N331" s="40"/>
      <c r="O331" s="40"/>
      <c r="P331" s="40"/>
      <c r="Q331" s="40"/>
      <c r="R331" s="40"/>
      <c r="S331" s="40"/>
    </row>
    <row r="332" spans="2:19" ht="13.5">
      <c r="B332" s="40"/>
      <c r="C332" s="40"/>
      <c r="D332" s="40"/>
      <c r="E332" s="40"/>
      <c r="F332" s="40"/>
      <c r="G332" s="40"/>
      <c r="H332" s="40"/>
      <c r="L332" s="40"/>
      <c r="M332" s="40"/>
      <c r="N332" s="40"/>
      <c r="O332" s="40"/>
      <c r="P332" s="40"/>
      <c r="Q332" s="40"/>
      <c r="R332" s="40"/>
      <c r="S332" s="40"/>
    </row>
    <row r="333" spans="2:19" ht="13.5">
      <c r="B333" s="40"/>
      <c r="C333" s="40"/>
      <c r="D333" s="40"/>
      <c r="E333" s="40"/>
      <c r="F333" s="40"/>
      <c r="G333" s="40"/>
      <c r="H333" s="40"/>
      <c r="L333" s="40"/>
      <c r="M333" s="40"/>
      <c r="N333" s="40"/>
      <c r="O333" s="40"/>
      <c r="P333" s="40"/>
      <c r="Q333" s="40"/>
      <c r="R333" s="40"/>
      <c r="S333" s="40"/>
    </row>
    <row r="334" spans="2:19" ht="13.5">
      <c r="B334" s="40"/>
      <c r="C334" s="40"/>
      <c r="D334" s="40"/>
      <c r="E334" s="40"/>
      <c r="F334" s="40"/>
      <c r="G334" s="40"/>
      <c r="H334" s="40"/>
      <c r="L334" s="40"/>
      <c r="M334" s="40"/>
      <c r="N334" s="40"/>
      <c r="O334" s="40"/>
      <c r="P334" s="40"/>
      <c r="Q334" s="40"/>
      <c r="R334" s="40"/>
      <c r="S334" s="40"/>
    </row>
    <row r="335" spans="2:19" ht="13.5">
      <c r="B335" s="40"/>
      <c r="C335" s="40"/>
      <c r="D335" s="40"/>
      <c r="E335" s="40"/>
      <c r="F335" s="40"/>
      <c r="G335" s="40"/>
      <c r="H335" s="40"/>
      <c r="L335" s="40"/>
      <c r="M335" s="40"/>
      <c r="N335" s="40"/>
      <c r="O335" s="40"/>
      <c r="P335" s="40"/>
      <c r="Q335" s="40"/>
      <c r="R335" s="40"/>
      <c r="S335" s="40"/>
    </row>
    <row r="336" spans="2:19" ht="13.5">
      <c r="B336" s="40"/>
      <c r="C336" s="40"/>
      <c r="D336" s="40"/>
      <c r="E336" s="40"/>
      <c r="F336" s="40"/>
      <c r="G336" s="40"/>
      <c r="H336" s="40"/>
      <c r="L336" s="40"/>
      <c r="M336" s="40"/>
      <c r="N336" s="40"/>
      <c r="O336" s="40"/>
      <c r="P336" s="40"/>
      <c r="Q336" s="40"/>
      <c r="R336" s="40"/>
      <c r="S336" s="40"/>
    </row>
    <row r="337" spans="2:19" ht="13.5">
      <c r="B337" s="40"/>
      <c r="C337" s="40"/>
      <c r="D337" s="40"/>
      <c r="E337" s="40"/>
      <c r="F337" s="40"/>
      <c r="G337" s="40"/>
      <c r="H337" s="40"/>
      <c r="L337" s="40"/>
      <c r="M337" s="40"/>
      <c r="N337" s="40"/>
      <c r="O337" s="40"/>
      <c r="P337" s="40"/>
      <c r="Q337" s="40"/>
      <c r="R337" s="40"/>
      <c r="S337" s="40"/>
    </row>
    <row r="338" spans="2:19" ht="13.5">
      <c r="B338" s="40"/>
      <c r="C338" s="40"/>
      <c r="D338" s="40"/>
      <c r="E338" s="40"/>
      <c r="F338" s="40"/>
      <c r="G338" s="40"/>
      <c r="H338" s="40"/>
      <c r="L338" s="40"/>
      <c r="M338" s="40"/>
      <c r="N338" s="40"/>
      <c r="O338" s="40"/>
      <c r="P338" s="40"/>
      <c r="Q338" s="40"/>
      <c r="R338" s="40"/>
      <c r="S338" s="40"/>
    </row>
    <row r="339" spans="2:19" ht="13.5">
      <c r="B339" s="40"/>
      <c r="C339" s="40"/>
      <c r="D339" s="40"/>
      <c r="E339" s="40"/>
      <c r="F339" s="40"/>
      <c r="G339" s="40"/>
      <c r="H339" s="40"/>
      <c r="L339" s="40"/>
      <c r="M339" s="40"/>
      <c r="N339" s="40"/>
      <c r="O339" s="40"/>
      <c r="P339" s="40"/>
      <c r="Q339" s="40"/>
      <c r="R339" s="40"/>
      <c r="S339" s="40"/>
    </row>
    <row r="340" spans="2:19" ht="13.5">
      <c r="B340" s="40"/>
      <c r="C340" s="40"/>
      <c r="D340" s="40"/>
      <c r="E340" s="40"/>
      <c r="F340" s="40"/>
      <c r="G340" s="40"/>
      <c r="H340" s="40"/>
      <c r="L340" s="40"/>
      <c r="M340" s="40"/>
      <c r="N340" s="40"/>
      <c r="O340" s="40"/>
      <c r="P340" s="40"/>
      <c r="Q340" s="40"/>
      <c r="R340" s="40"/>
      <c r="S340" s="40"/>
    </row>
    <row r="341" spans="2:19" ht="13.5">
      <c r="B341" s="40"/>
      <c r="C341" s="40"/>
      <c r="D341" s="40"/>
      <c r="E341" s="40"/>
      <c r="F341" s="40"/>
      <c r="G341" s="40"/>
      <c r="H341" s="40"/>
      <c r="L341" s="40"/>
      <c r="M341" s="40"/>
      <c r="N341" s="40"/>
      <c r="O341" s="40"/>
      <c r="P341" s="40"/>
      <c r="Q341" s="40"/>
      <c r="R341" s="40"/>
      <c r="S341" s="40"/>
    </row>
    <row r="342" spans="2:19" ht="13.5">
      <c r="B342" s="40"/>
      <c r="C342" s="40"/>
      <c r="D342" s="40"/>
      <c r="E342" s="40"/>
      <c r="F342" s="40"/>
      <c r="G342" s="40"/>
      <c r="H342" s="40"/>
      <c r="L342" s="40"/>
      <c r="M342" s="40"/>
      <c r="N342" s="40"/>
      <c r="O342" s="40"/>
      <c r="P342" s="40"/>
      <c r="Q342" s="40"/>
      <c r="R342" s="40"/>
      <c r="S342" s="40"/>
    </row>
    <row r="343" spans="2:19" ht="13.5">
      <c r="B343" s="40"/>
      <c r="C343" s="40"/>
      <c r="D343" s="40"/>
      <c r="E343" s="40"/>
      <c r="F343" s="40"/>
      <c r="G343" s="40"/>
      <c r="H343" s="40"/>
      <c r="L343" s="40"/>
      <c r="M343" s="40"/>
      <c r="N343" s="40"/>
      <c r="O343" s="40"/>
      <c r="P343" s="40"/>
      <c r="Q343" s="40"/>
      <c r="R343" s="40"/>
      <c r="S343" s="40"/>
    </row>
    <row r="344" spans="2:19" ht="13.5">
      <c r="B344" s="40"/>
      <c r="C344" s="40"/>
      <c r="D344" s="40"/>
      <c r="E344" s="40"/>
      <c r="F344" s="40"/>
      <c r="G344" s="40"/>
      <c r="H344" s="40"/>
      <c r="L344" s="40"/>
      <c r="M344" s="40"/>
      <c r="N344" s="40"/>
      <c r="O344" s="40"/>
      <c r="P344" s="40"/>
      <c r="Q344" s="40"/>
      <c r="R344" s="40"/>
      <c r="S344" s="40"/>
    </row>
    <row r="345" spans="2:19" ht="13.5">
      <c r="B345" s="40"/>
      <c r="C345" s="40"/>
      <c r="D345" s="40"/>
      <c r="E345" s="40"/>
      <c r="F345" s="40"/>
      <c r="G345" s="40"/>
      <c r="H345" s="40"/>
      <c r="L345" s="40"/>
      <c r="M345" s="40"/>
      <c r="N345" s="40"/>
      <c r="O345" s="40"/>
      <c r="P345" s="40"/>
      <c r="Q345" s="40"/>
      <c r="R345" s="40"/>
      <c r="S345" s="40"/>
    </row>
    <row r="346" spans="2:19" ht="13.5">
      <c r="B346" s="40"/>
      <c r="C346" s="40"/>
      <c r="D346" s="40"/>
      <c r="E346" s="40"/>
      <c r="F346" s="40"/>
      <c r="G346" s="40"/>
      <c r="H346" s="40"/>
      <c r="L346" s="40"/>
      <c r="M346" s="40"/>
      <c r="N346" s="40"/>
      <c r="O346" s="40"/>
      <c r="P346" s="40"/>
      <c r="Q346" s="40"/>
      <c r="R346" s="40"/>
      <c r="S346" s="40"/>
    </row>
    <row r="347" spans="2:19" ht="13.5">
      <c r="B347" s="40"/>
      <c r="C347" s="40"/>
      <c r="D347" s="40"/>
      <c r="E347" s="40"/>
      <c r="F347" s="40"/>
      <c r="G347" s="40"/>
      <c r="H347" s="40"/>
      <c r="L347" s="40"/>
      <c r="M347" s="40"/>
      <c r="N347" s="40"/>
      <c r="O347" s="40"/>
      <c r="P347" s="40"/>
      <c r="Q347" s="40"/>
      <c r="R347" s="40"/>
      <c r="S347" s="40"/>
    </row>
    <row r="348" spans="2:19" ht="13.5">
      <c r="B348" s="40"/>
      <c r="C348" s="40"/>
      <c r="D348" s="40"/>
      <c r="E348" s="40"/>
      <c r="F348" s="40"/>
      <c r="G348" s="40"/>
      <c r="H348" s="40"/>
      <c r="L348" s="40"/>
      <c r="M348" s="40"/>
      <c r="N348" s="40"/>
      <c r="O348" s="40"/>
      <c r="P348" s="40"/>
      <c r="Q348" s="40"/>
      <c r="R348" s="40"/>
      <c r="S348" s="40"/>
    </row>
    <row r="349" spans="2:19" ht="13.5">
      <c r="B349" s="40"/>
      <c r="C349" s="40"/>
      <c r="D349" s="40"/>
      <c r="E349" s="40"/>
      <c r="F349" s="40"/>
      <c r="G349" s="40"/>
      <c r="H349" s="40"/>
      <c r="L349" s="40"/>
      <c r="M349" s="40"/>
      <c r="N349" s="40"/>
      <c r="O349" s="40"/>
      <c r="P349" s="40"/>
      <c r="Q349" s="40"/>
      <c r="R349" s="40"/>
      <c r="S349" s="40"/>
    </row>
    <row r="350" spans="2:19" ht="13.5">
      <c r="B350" s="40"/>
      <c r="C350" s="40"/>
      <c r="D350" s="40"/>
      <c r="E350" s="40"/>
      <c r="F350" s="40"/>
      <c r="G350" s="40"/>
      <c r="H350" s="40"/>
      <c r="L350" s="40"/>
      <c r="M350" s="40"/>
      <c r="N350" s="40"/>
      <c r="O350" s="40"/>
      <c r="P350" s="40"/>
      <c r="Q350" s="40"/>
      <c r="R350" s="40"/>
      <c r="S350" s="40"/>
    </row>
    <row r="351" spans="2:19" ht="13.5">
      <c r="B351" s="40"/>
      <c r="C351" s="40"/>
      <c r="D351" s="40"/>
      <c r="E351" s="40"/>
      <c r="F351" s="40"/>
      <c r="G351" s="40"/>
      <c r="H351" s="40"/>
      <c r="L351" s="40"/>
      <c r="M351" s="40"/>
      <c r="N351" s="40"/>
      <c r="O351" s="40"/>
      <c r="P351" s="40"/>
      <c r="Q351" s="40"/>
      <c r="R351" s="40"/>
      <c r="S351" s="40"/>
    </row>
    <row r="352" spans="2:19" ht="13.5">
      <c r="B352" s="40"/>
      <c r="C352" s="40"/>
      <c r="D352" s="40"/>
      <c r="E352" s="40"/>
      <c r="F352" s="40"/>
      <c r="G352" s="40"/>
      <c r="H352" s="40"/>
      <c r="L352" s="40"/>
      <c r="M352" s="40"/>
      <c r="N352" s="40"/>
      <c r="O352" s="40"/>
      <c r="P352" s="40"/>
      <c r="Q352" s="40"/>
      <c r="R352" s="40"/>
      <c r="S352" s="40"/>
    </row>
    <row r="353" spans="2:19" ht="13.5">
      <c r="B353" s="40"/>
      <c r="C353" s="40"/>
      <c r="D353" s="40"/>
      <c r="E353" s="40"/>
      <c r="F353" s="40"/>
      <c r="G353" s="40"/>
      <c r="H353" s="40"/>
      <c r="L353" s="40"/>
      <c r="M353" s="40"/>
      <c r="N353" s="40"/>
      <c r="O353" s="40"/>
      <c r="P353" s="40"/>
      <c r="Q353" s="40"/>
      <c r="R353" s="40"/>
      <c r="S353" s="40"/>
    </row>
    <row r="354" spans="2:19" ht="13.5">
      <c r="B354" s="40"/>
      <c r="C354" s="40"/>
      <c r="D354" s="40"/>
      <c r="E354" s="40"/>
      <c r="F354" s="40"/>
      <c r="G354" s="40"/>
      <c r="H354" s="40"/>
      <c r="L354" s="40"/>
      <c r="M354" s="40"/>
      <c r="N354" s="40"/>
      <c r="O354" s="40"/>
      <c r="P354" s="40"/>
      <c r="Q354" s="40"/>
      <c r="R354" s="40"/>
      <c r="S354" s="40"/>
    </row>
    <row r="355" spans="2:19" ht="13.5">
      <c r="B355" s="40"/>
      <c r="C355" s="40"/>
      <c r="D355" s="40"/>
      <c r="E355" s="40"/>
      <c r="F355" s="40"/>
      <c r="G355" s="40"/>
      <c r="H355" s="40"/>
      <c r="L355" s="40"/>
      <c r="M355" s="40"/>
      <c r="N355" s="40"/>
      <c r="O355" s="40"/>
      <c r="P355" s="40"/>
      <c r="Q355" s="40"/>
      <c r="R355" s="40"/>
      <c r="S355" s="40"/>
    </row>
    <row r="356" spans="2:19" ht="13.5">
      <c r="B356" s="40"/>
      <c r="C356" s="40"/>
      <c r="D356" s="40"/>
      <c r="E356" s="40"/>
      <c r="F356" s="40"/>
      <c r="G356" s="40"/>
      <c r="H356" s="40"/>
      <c r="L356" s="40"/>
      <c r="M356" s="40"/>
      <c r="N356" s="40"/>
      <c r="O356" s="40"/>
      <c r="P356" s="40"/>
      <c r="Q356" s="40"/>
      <c r="R356" s="40"/>
      <c r="S356" s="40"/>
    </row>
    <row r="357" spans="2:19" ht="13.5">
      <c r="B357" s="40"/>
      <c r="C357" s="40"/>
      <c r="D357" s="40"/>
      <c r="E357" s="40"/>
      <c r="F357" s="40"/>
      <c r="G357" s="40"/>
      <c r="H357" s="40"/>
      <c r="L357" s="40"/>
      <c r="M357" s="40"/>
      <c r="N357" s="40"/>
      <c r="O357" s="40"/>
      <c r="P357" s="40"/>
      <c r="Q357" s="40"/>
      <c r="R357" s="40"/>
      <c r="S357" s="40"/>
    </row>
    <row r="358" spans="2:19" ht="13.5">
      <c r="B358" s="40"/>
      <c r="C358" s="40"/>
      <c r="D358" s="40"/>
      <c r="E358" s="40"/>
      <c r="F358" s="40"/>
      <c r="G358" s="40"/>
      <c r="H358" s="40"/>
      <c r="L358" s="40"/>
      <c r="M358" s="40"/>
      <c r="N358" s="40"/>
      <c r="O358" s="40"/>
      <c r="P358" s="40"/>
      <c r="Q358" s="40"/>
      <c r="R358" s="40"/>
      <c r="S358" s="40"/>
    </row>
    <row r="359" spans="2:19" ht="13.5">
      <c r="B359" s="40"/>
      <c r="C359" s="40"/>
      <c r="D359" s="40"/>
      <c r="E359" s="40"/>
      <c r="F359" s="40"/>
      <c r="G359" s="40"/>
      <c r="H359" s="40"/>
      <c r="L359" s="40"/>
      <c r="M359" s="40"/>
      <c r="N359" s="40"/>
      <c r="O359" s="40"/>
      <c r="P359" s="40"/>
      <c r="Q359" s="40"/>
      <c r="R359" s="40"/>
      <c r="S359" s="40"/>
    </row>
    <row r="360" spans="2:19" ht="13.5">
      <c r="B360" s="40"/>
      <c r="C360" s="40"/>
      <c r="D360" s="40"/>
      <c r="E360" s="40"/>
      <c r="F360" s="40"/>
      <c r="G360" s="40"/>
      <c r="H360" s="40"/>
      <c r="L360" s="40"/>
      <c r="M360" s="40"/>
      <c r="N360" s="40"/>
      <c r="O360" s="40"/>
      <c r="P360" s="40"/>
      <c r="Q360" s="40"/>
      <c r="R360" s="40"/>
      <c r="S360" s="40"/>
    </row>
    <row r="361" spans="2:19" ht="13.5">
      <c r="B361" s="40"/>
      <c r="C361" s="40"/>
      <c r="D361" s="40"/>
      <c r="E361" s="40"/>
      <c r="F361" s="40"/>
      <c r="G361" s="40"/>
      <c r="H361" s="40"/>
      <c r="L361" s="40"/>
      <c r="M361" s="40"/>
      <c r="N361" s="40"/>
      <c r="O361" s="40"/>
      <c r="P361" s="40"/>
      <c r="Q361" s="40"/>
      <c r="R361" s="40"/>
      <c r="S361" s="40"/>
    </row>
    <row r="362" spans="2:19" ht="13.5">
      <c r="B362" s="40"/>
      <c r="C362" s="40"/>
      <c r="D362" s="40"/>
      <c r="E362" s="40"/>
      <c r="F362" s="40"/>
      <c r="G362" s="40"/>
      <c r="H362" s="40"/>
      <c r="L362" s="40"/>
      <c r="M362" s="40"/>
      <c r="N362" s="40"/>
      <c r="O362" s="40"/>
      <c r="P362" s="40"/>
      <c r="Q362" s="40"/>
      <c r="R362" s="40"/>
      <c r="S362" s="40"/>
    </row>
    <row r="363" spans="2:19" ht="13.5">
      <c r="B363" s="40"/>
      <c r="C363" s="40"/>
      <c r="D363" s="40"/>
      <c r="E363" s="40"/>
      <c r="F363" s="40"/>
      <c r="G363" s="40"/>
      <c r="H363" s="40"/>
      <c r="L363" s="40"/>
      <c r="M363" s="40"/>
      <c r="N363" s="40"/>
      <c r="O363" s="40"/>
      <c r="P363" s="40"/>
      <c r="Q363" s="40"/>
      <c r="R363" s="40"/>
      <c r="S363" s="40"/>
    </row>
    <row r="364" spans="2:19" ht="13.5">
      <c r="B364" s="40"/>
      <c r="C364" s="40"/>
      <c r="D364" s="40"/>
      <c r="E364" s="40"/>
      <c r="F364" s="40"/>
      <c r="G364" s="40"/>
      <c r="H364" s="40"/>
      <c r="L364" s="40"/>
      <c r="M364" s="40"/>
      <c r="N364" s="40"/>
      <c r="O364" s="40"/>
      <c r="P364" s="40"/>
      <c r="Q364" s="40"/>
      <c r="R364" s="40"/>
      <c r="S364" s="40"/>
    </row>
    <row r="365" spans="2:19" ht="13.5">
      <c r="B365" s="40"/>
      <c r="C365" s="40"/>
      <c r="D365" s="40"/>
      <c r="E365" s="40"/>
      <c r="F365" s="40"/>
      <c r="G365" s="40"/>
      <c r="H365" s="40"/>
      <c r="L365" s="40"/>
      <c r="M365" s="40"/>
      <c r="N365" s="40"/>
      <c r="O365" s="40"/>
      <c r="P365" s="40"/>
      <c r="Q365" s="40"/>
      <c r="R365" s="40"/>
      <c r="S365" s="40"/>
    </row>
    <row r="366" spans="2:19" ht="13.5">
      <c r="B366" s="40"/>
      <c r="C366" s="40"/>
      <c r="D366" s="40"/>
      <c r="E366" s="40"/>
      <c r="F366" s="40"/>
      <c r="G366" s="40"/>
      <c r="H366" s="40"/>
      <c r="L366" s="40"/>
      <c r="M366" s="40"/>
      <c r="N366" s="40"/>
      <c r="O366" s="40"/>
      <c r="P366" s="40"/>
      <c r="Q366" s="40"/>
      <c r="R366" s="40"/>
      <c r="S366" s="40"/>
    </row>
    <row r="367" spans="2:19" ht="13.5">
      <c r="B367" s="40"/>
      <c r="C367" s="40"/>
      <c r="D367" s="40"/>
      <c r="E367" s="40"/>
      <c r="F367" s="40"/>
      <c r="G367" s="40"/>
      <c r="H367" s="40"/>
      <c r="L367" s="40"/>
      <c r="M367" s="40"/>
      <c r="N367" s="40"/>
      <c r="O367" s="40"/>
      <c r="P367" s="40"/>
      <c r="Q367" s="40"/>
      <c r="R367" s="40"/>
      <c r="S367" s="40"/>
    </row>
    <row r="368" spans="2:19" ht="13.5">
      <c r="B368" s="40"/>
      <c r="C368" s="40"/>
      <c r="D368" s="40"/>
      <c r="E368" s="40"/>
      <c r="F368" s="40"/>
      <c r="G368" s="40"/>
      <c r="H368" s="40"/>
      <c r="L368" s="40"/>
      <c r="M368" s="40"/>
      <c r="N368" s="40"/>
      <c r="O368" s="40"/>
      <c r="P368" s="40"/>
      <c r="Q368" s="40"/>
      <c r="R368" s="40"/>
      <c r="S368" s="40"/>
    </row>
    <row r="369" spans="2:19" ht="13.5">
      <c r="B369" s="40"/>
      <c r="C369" s="40"/>
      <c r="D369" s="40"/>
      <c r="E369" s="40"/>
      <c r="F369" s="40"/>
      <c r="G369" s="40"/>
      <c r="H369" s="40"/>
      <c r="L369" s="40"/>
      <c r="M369" s="40"/>
      <c r="N369" s="40"/>
      <c r="O369" s="40"/>
      <c r="P369" s="40"/>
      <c r="Q369" s="40"/>
      <c r="R369" s="40"/>
      <c r="S369" s="40"/>
    </row>
    <row r="370" spans="2:19" ht="13.5">
      <c r="B370" s="40"/>
      <c r="C370" s="40"/>
      <c r="D370" s="40"/>
      <c r="E370" s="40"/>
      <c r="F370" s="40"/>
      <c r="G370" s="40"/>
      <c r="H370" s="40"/>
      <c r="L370" s="40"/>
      <c r="M370" s="40"/>
      <c r="N370" s="40"/>
      <c r="O370" s="40"/>
      <c r="P370" s="40"/>
      <c r="Q370" s="40"/>
      <c r="R370" s="40"/>
      <c r="S370" s="40"/>
    </row>
    <row r="371" spans="2:19" ht="13.5">
      <c r="B371" s="40"/>
      <c r="C371" s="40"/>
      <c r="D371" s="40"/>
      <c r="E371" s="40"/>
      <c r="F371" s="40"/>
      <c r="G371" s="40"/>
      <c r="H371" s="40"/>
      <c r="L371" s="40"/>
      <c r="M371" s="40"/>
      <c r="N371" s="40"/>
      <c r="O371" s="40"/>
      <c r="P371" s="40"/>
      <c r="Q371" s="40"/>
      <c r="R371" s="40"/>
      <c r="S371" s="40"/>
    </row>
    <row r="372" spans="2:19" ht="13.5">
      <c r="B372" s="40"/>
      <c r="C372" s="40"/>
      <c r="D372" s="40"/>
      <c r="F372" s="40"/>
      <c r="G372" s="40"/>
      <c r="H372" s="40"/>
      <c r="L372" s="40"/>
      <c r="M372" s="40"/>
      <c r="N372" s="40"/>
      <c r="O372" s="40"/>
      <c r="P372" s="40"/>
      <c r="Q372" s="40"/>
      <c r="R372" s="40"/>
      <c r="S372" s="40"/>
    </row>
    <row r="373" spans="2:19" ht="13.5">
      <c r="F373" s="40"/>
      <c r="G373" s="40"/>
      <c r="H373" s="40"/>
      <c r="L373" s="40"/>
      <c r="M373" s="40"/>
      <c r="N373" s="40"/>
      <c r="O373" s="40"/>
      <c r="P373" s="40"/>
      <c r="Q373" s="40"/>
      <c r="R373" s="40"/>
      <c r="S373" s="40"/>
    </row>
    <row r="374" spans="2:19" ht="13.5">
      <c r="F374" s="40"/>
      <c r="G374" s="40"/>
      <c r="H374" s="40"/>
      <c r="L374" s="40"/>
      <c r="M374" s="40"/>
      <c r="N374" s="40"/>
      <c r="O374" s="40"/>
      <c r="P374" s="40"/>
      <c r="Q374" s="40"/>
      <c r="R374" s="40"/>
      <c r="S374" s="40"/>
    </row>
    <row r="375" spans="2:19" ht="13.5">
      <c r="F375" s="40"/>
      <c r="G375" s="40"/>
      <c r="H375" s="40"/>
      <c r="L375" s="40"/>
      <c r="M375" s="40"/>
      <c r="N375" s="40"/>
      <c r="O375" s="40"/>
      <c r="P375" s="40"/>
      <c r="Q375" s="40"/>
      <c r="R375" s="40"/>
      <c r="S375" s="40"/>
    </row>
    <row r="376" spans="2:19" ht="13.5">
      <c r="F376" s="40"/>
      <c r="G376" s="40"/>
      <c r="H376" s="40"/>
      <c r="L376" s="40"/>
      <c r="M376" s="40"/>
      <c r="N376" s="40"/>
      <c r="O376" s="40"/>
      <c r="P376" s="40"/>
      <c r="Q376" s="40"/>
      <c r="R376" s="40"/>
      <c r="S376" s="40"/>
    </row>
    <row r="377" spans="2:19" ht="13.5">
      <c r="F377" s="40"/>
      <c r="G377" s="40"/>
      <c r="H377" s="40"/>
      <c r="L377" s="40"/>
      <c r="M377" s="40"/>
      <c r="N377" s="40"/>
      <c r="O377" s="40"/>
      <c r="P377" s="40"/>
      <c r="Q377" s="40"/>
      <c r="R377" s="40"/>
      <c r="S377" s="40"/>
    </row>
    <row r="378" spans="2:19" ht="13.5">
      <c r="F378" s="40"/>
      <c r="G378" s="40"/>
      <c r="H378" s="40"/>
      <c r="L378" s="40"/>
      <c r="M378" s="40"/>
      <c r="N378" s="40"/>
      <c r="O378" s="40"/>
      <c r="P378" s="40"/>
      <c r="Q378" s="40"/>
      <c r="R378" s="40"/>
      <c r="S378" s="40"/>
    </row>
    <row r="379" spans="2:19">
      <c r="F379" s="40"/>
      <c r="G379" s="40"/>
      <c r="H379" s="40"/>
      <c r="S379" s="40"/>
    </row>
  </sheetData>
  <mergeCells count="7">
    <mergeCell ref="P11:S11"/>
    <mergeCell ref="B2:N2"/>
    <mergeCell ref="B3:M3"/>
    <mergeCell ref="B4:M8"/>
    <mergeCell ref="B9:N9"/>
    <mergeCell ref="C10:M10"/>
    <mergeCell ref="P10:S10"/>
  </mergeCells>
  <phoneticPr fontId="4"/>
  <conditionalFormatting sqref="U13:U21 U23:U37">
    <cfRule type="expression" dxfId="263" priority="78" stopIfTrue="1">
      <formula>ISERROR(U13)</formula>
    </cfRule>
  </conditionalFormatting>
  <conditionalFormatting sqref="I13:I30">
    <cfRule type="cellIs" dxfId="262" priority="19" stopIfTrue="1" operator="greaterThan">
      <formula>0</formula>
    </cfRule>
  </conditionalFormatting>
  <conditionalFormatting sqref="I33:I37">
    <cfRule type="cellIs" dxfId="261" priority="18" stopIfTrue="1" operator="greaterThan">
      <formula>0</formula>
    </cfRule>
  </conditionalFormatting>
  <conditionalFormatting sqref="I31:I32">
    <cfRule type="cellIs" dxfId="260" priority="17" stopIfTrue="1" operator="greaterThan">
      <formula>0</formula>
    </cfRule>
  </conditionalFormatting>
  <conditionalFormatting sqref="S13:S37">
    <cfRule type="cellIs" dxfId="259" priority="16" stopIfTrue="1" operator="greaterThan">
      <formula>0</formula>
    </cfRule>
  </conditionalFormatting>
  <conditionalFormatting sqref="I16:K37">
    <cfRule type="expression" dxfId="258" priority="20" stopIfTrue="1">
      <formula>#REF!&gt;12</formula>
    </cfRule>
  </conditionalFormatting>
  <conditionalFormatting sqref="I13:K14 S13:S37 P18:P37">
    <cfRule type="expression" dxfId="257" priority="21" stopIfTrue="1">
      <formula>#REF!&gt;12</formula>
    </cfRule>
  </conditionalFormatting>
  <conditionalFormatting sqref="Q18:R37">
    <cfRule type="expression" dxfId="256" priority="22" stopIfTrue="1">
      <formula>ISERROR(Q18)</formula>
    </cfRule>
    <cfRule type="expression" dxfId="255" priority="23" stopIfTrue="1">
      <formula>#REF!&gt;12</formula>
    </cfRule>
  </conditionalFormatting>
  <conditionalFormatting sqref="I15:K15">
    <cfRule type="expression" dxfId="254" priority="24" stopIfTrue="1">
      <formula>#REF!&gt;12</formula>
    </cfRule>
  </conditionalFormatting>
  <conditionalFormatting sqref="F16:F22 F24:F37">
    <cfRule type="expression" dxfId="253" priority="7" stopIfTrue="1">
      <formula>#REF!&gt;12</formula>
    </cfRule>
  </conditionalFormatting>
  <conditionalFormatting sqref="G16:H22 G24:H37">
    <cfRule type="expression" dxfId="252" priority="8" stopIfTrue="1">
      <formula>ISERROR(G16)</formula>
    </cfRule>
    <cfRule type="expression" dxfId="251" priority="9" stopIfTrue="1">
      <formula>#REF!&gt;12</formula>
    </cfRule>
  </conditionalFormatting>
  <conditionalFormatting sqref="F13:F14">
    <cfRule type="expression" dxfId="250" priority="10" stopIfTrue="1">
      <formula>#REF!&gt;12</formula>
    </cfRule>
  </conditionalFormatting>
  <conditionalFormatting sqref="G13:H14">
    <cfRule type="expression" dxfId="249" priority="11" stopIfTrue="1">
      <formula>ISERROR(G13)</formula>
    </cfRule>
    <cfRule type="expression" dxfId="248" priority="12" stopIfTrue="1">
      <formula>#REF!&gt;12</formula>
    </cfRule>
  </conditionalFormatting>
  <conditionalFormatting sqref="F15">
    <cfRule type="expression" dxfId="247" priority="13" stopIfTrue="1">
      <formula>#REF!&gt;12</formula>
    </cfRule>
  </conditionalFormatting>
  <conditionalFormatting sqref="G15:H15">
    <cfRule type="expression" dxfId="246" priority="14" stopIfTrue="1">
      <formula>ISERROR(G15)</formula>
    </cfRule>
    <cfRule type="expression" dxfId="245" priority="15" stopIfTrue="1">
      <formula>#REF!&gt;12</formula>
    </cfRule>
  </conditionalFormatting>
  <conditionalFormatting sqref="P13:P17">
    <cfRule type="expression" dxfId="244" priority="4" stopIfTrue="1">
      <formula>#REF!&gt;12</formula>
    </cfRule>
  </conditionalFormatting>
  <conditionalFormatting sqref="Q13:R17">
    <cfRule type="expression" dxfId="243" priority="5" stopIfTrue="1">
      <formula>ISERROR(Q13)</formula>
    </cfRule>
    <cfRule type="expression" dxfId="242" priority="6" stopIfTrue="1">
      <formula>#REF!&gt;12</formula>
    </cfRule>
  </conditionalFormatting>
  <conditionalFormatting sqref="F23">
    <cfRule type="expression" dxfId="241" priority="1" stopIfTrue="1">
      <formula>#REF!&gt;12</formula>
    </cfRule>
  </conditionalFormatting>
  <conditionalFormatting sqref="G23:H23">
    <cfRule type="expression" dxfId="240" priority="2" stopIfTrue="1">
      <formula>ISERROR(G23)</formula>
    </cfRule>
    <cfRule type="expression" dxfId="239" priority="3" stopIfTrue="1">
      <formula>#REF!&gt;12</formula>
    </cfRule>
  </conditionalFormatting>
  <printOptions horizontalCentered="1"/>
  <pageMargins left="0" right="0" top="0.19" bottom="0" header="0" footer="0"/>
  <pageSetup paperSize="9" scale="20" orientation="portrait" r:id="rId1"/>
  <headerFooter alignWithMargins="0"/>
  <rowBreaks count="1" manualBreakCount="1">
    <brk id="36" max="16383" man="1"/>
  </rowBreaks>
  <colBreaks count="1" manualBreakCount="1">
    <brk id="6" max="1048575"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379"/>
  <sheetViews>
    <sheetView showGridLines="0" view="pageBreakPreview" zoomScale="25" zoomScaleNormal="25" zoomScaleSheetLayoutView="25" workbookViewId="0">
      <selection activeCell="B9" sqref="B9:N9"/>
    </sheetView>
  </sheetViews>
  <sheetFormatPr defaultColWidth="10.375" defaultRowHeight="25.5"/>
  <cols>
    <col min="1" max="1" width="2.875" style="40" customWidth="1"/>
    <col min="2" max="2" width="18.125" style="42" customWidth="1"/>
    <col min="3" max="3" width="35.875" style="42" customWidth="1"/>
    <col min="4" max="5" width="10.875" style="42" customWidth="1"/>
    <col min="6" max="6" width="88.875" style="43" customWidth="1"/>
    <col min="7" max="7" width="25.875" style="42" customWidth="1"/>
    <col min="8" max="8" width="20.875" style="44" customWidth="1"/>
    <col min="9" max="10" width="20.875" style="40" customWidth="1"/>
    <col min="11" max="11" width="2.875" style="41" customWidth="1"/>
    <col min="12" max="12" width="19.125" style="42" customWidth="1"/>
    <col min="13" max="13" width="35.875" style="42" customWidth="1"/>
    <col min="14" max="15" width="10.875" style="42" customWidth="1"/>
    <col min="16" max="16" width="88.875" style="43" customWidth="1"/>
    <col min="17" max="17" width="25.875" style="42" customWidth="1"/>
    <col min="18" max="18" width="20.875" style="45" customWidth="1"/>
    <col min="19" max="19" width="20.875" style="44" customWidth="1"/>
    <col min="20" max="20" width="20.875" style="40" customWidth="1"/>
    <col min="21" max="21" width="12.125" style="40" customWidth="1"/>
    <col min="22" max="22" width="1.875" style="40" customWidth="1"/>
    <col min="23" max="24" width="12.125" style="40" hidden="1" customWidth="1"/>
    <col min="25" max="16384" width="10.375" style="40"/>
  </cols>
  <sheetData>
    <row r="1" spans="2:24" s="1" customFormat="1" ht="30.6" customHeight="1">
      <c r="P1" s="5"/>
      <c r="Q1" s="2"/>
      <c r="R1" s="6"/>
      <c r="S1" s="3"/>
    </row>
    <row r="2" spans="2:24" s="1" customFormat="1" ht="77.099999999999994" customHeight="1">
      <c r="B2" s="152" t="s">
        <v>98</v>
      </c>
      <c r="C2" s="152"/>
      <c r="D2" s="152"/>
      <c r="E2" s="152"/>
      <c r="F2" s="152"/>
      <c r="G2" s="152"/>
      <c r="H2" s="152"/>
      <c r="I2" s="152"/>
      <c r="J2" s="152"/>
      <c r="K2" s="152"/>
      <c r="L2" s="152"/>
      <c r="M2" s="152"/>
      <c r="N2" s="152"/>
      <c r="O2" s="75"/>
      <c r="P2" s="7"/>
      <c r="Q2" s="8"/>
      <c r="R2" s="6"/>
      <c r="S2" s="9"/>
      <c r="T2" s="9"/>
      <c r="U2" s="10"/>
      <c r="V2" s="10"/>
      <c r="W2" s="10"/>
      <c r="X2" s="10"/>
    </row>
    <row r="3" spans="2:24" s="1" customFormat="1" ht="77.099999999999994" customHeight="1">
      <c r="B3" s="154" t="s">
        <v>190</v>
      </c>
      <c r="C3" s="154"/>
      <c r="D3" s="154"/>
      <c r="E3" s="154"/>
      <c r="F3" s="154"/>
      <c r="G3" s="154"/>
      <c r="H3" s="154"/>
      <c r="I3" s="154"/>
      <c r="J3" s="154"/>
      <c r="K3" s="154"/>
      <c r="L3" s="154"/>
      <c r="M3" s="154"/>
      <c r="N3" s="46"/>
      <c r="O3" s="46"/>
      <c r="P3" s="11"/>
      <c r="Q3" s="8"/>
      <c r="R3" s="6"/>
      <c r="S3" s="12"/>
      <c r="T3" s="13"/>
      <c r="U3" s="13"/>
      <c r="V3" s="13"/>
      <c r="W3" s="13"/>
      <c r="X3" s="13"/>
    </row>
    <row r="4" spans="2:24" s="1" customFormat="1" ht="77.099999999999994" customHeight="1">
      <c r="B4" s="155" t="s">
        <v>258</v>
      </c>
      <c r="C4" s="155"/>
      <c r="D4" s="155"/>
      <c r="E4" s="155"/>
      <c r="F4" s="155"/>
      <c r="G4" s="155"/>
      <c r="H4" s="155"/>
      <c r="I4" s="155"/>
      <c r="J4" s="155"/>
      <c r="K4" s="155"/>
      <c r="L4" s="155"/>
      <c r="M4" s="155"/>
      <c r="N4" s="46"/>
      <c r="O4" s="46"/>
      <c r="P4" s="14"/>
      <c r="Q4" s="15"/>
      <c r="R4" s="16"/>
      <c r="S4" s="17"/>
      <c r="T4" s="17"/>
      <c r="U4" s="17"/>
      <c r="V4" s="17"/>
      <c r="W4" s="17"/>
      <c r="X4" s="17"/>
    </row>
    <row r="5" spans="2:24" s="1" customFormat="1" ht="77.099999999999994" customHeight="1">
      <c r="B5" s="155"/>
      <c r="C5" s="155"/>
      <c r="D5" s="155"/>
      <c r="E5" s="155"/>
      <c r="F5" s="155"/>
      <c r="G5" s="155"/>
      <c r="H5" s="155"/>
      <c r="I5" s="155"/>
      <c r="J5" s="155"/>
      <c r="K5" s="155"/>
      <c r="L5" s="155"/>
      <c r="M5" s="155"/>
      <c r="N5" s="46"/>
      <c r="O5" s="46"/>
      <c r="P5" s="5"/>
      <c r="Q5" s="20"/>
      <c r="R5" s="21"/>
      <c r="S5" s="21"/>
      <c r="T5" s="22"/>
      <c r="U5" s="22"/>
      <c r="V5" s="22"/>
      <c r="W5" s="22"/>
      <c r="X5" s="22"/>
    </row>
    <row r="6" spans="2:24" s="1" customFormat="1" ht="77.099999999999994" customHeight="1">
      <c r="B6" s="155"/>
      <c r="C6" s="155"/>
      <c r="D6" s="155"/>
      <c r="E6" s="155"/>
      <c r="F6" s="155"/>
      <c r="G6" s="155"/>
      <c r="H6" s="155"/>
      <c r="I6" s="155"/>
      <c r="J6" s="155"/>
      <c r="K6" s="155"/>
      <c r="L6" s="155"/>
      <c r="M6" s="155"/>
      <c r="N6" s="46"/>
      <c r="O6" s="46"/>
      <c r="P6" s="5"/>
      <c r="Q6" s="22"/>
      <c r="T6" s="22"/>
      <c r="U6" s="22"/>
      <c r="V6" s="22"/>
      <c r="W6" s="22"/>
      <c r="X6" s="22"/>
    </row>
    <row r="7" spans="2:24" s="1" customFormat="1" ht="77.099999999999994" customHeight="1">
      <c r="B7" s="155"/>
      <c r="C7" s="155"/>
      <c r="D7" s="155"/>
      <c r="E7" s="155"/>
      <c r="F7" s="155"/>
      <c r="G7" s="155"/>
      <c r="H7" s="155"/>
      <c r="I7" s="155"/>
      <c r="J7" s="155"/>
      <c r="K7" s="155"/>
      <c r="L7" s="155"/>
      <c r="M7" s="155"/>
      <c r="N7" s="46"/>
      <c r="O7" s="46"/>
      <c r="P7" s="5"/>
      <c r="Q7" s="22"/>
      <c r="R7" s="21"/>
      <c r="S7" s="22"/>
      <c r="T7" s="22"/>
      <c r="U7" s="22"/>
      <c r="V7" s="22"/>
      <c r="W7" s="22"/>
      <c r="X7" s="22"/>
    </row>
    <row r="8" spans="2:24" s="1" customFormat="1" ht="77.099999999999994" customHeight="1">
      <c r="B8" s="155"/>
      <c r="C8" s="155"/>
      <c r="D8" s="155"/>
      <c r="E8" s="155"/>
      <c r="F8" s="155"/>
      <c r="G8" s="155"/>
      <c r="H8" s="155"/>
      <c r="I8" s="155"/>
      <c r="J8" s="155"/>
      <c r="K8" s="155"/>
      <c r="L8" s="155"/>
      <c r="M8" s="155"/>
      <c r="N8" s="46"/>
      <c r="O8" s="46"/>
      <c r="P8" s="5"/>
      <c r="Q8" s="22"/>
      <c r="R8" s="21"/>
      <c r="S8" s="22"/>
      <c r="T8" s="22"/>
      <c r="U8" s="22"/>
      <c r="V8" s="22"/>
      <c r="W8" s="22"/>
      <c r="X8" s="22"/>
    </row>
    <row r="9" spans="2:24" s="1" customFormat="1" ht="77.099999999999994" customHeight="1">
      <c r="B9" s="163" t="s">
        <v>509</v>
      </c>
      <c r="C9" s="163"/>
      <c r="D9" s="163"/>
      <c r="E9" s="163"/>
      <c r="F9" s="163"/>
      <c r="G9" s="163"/>
      <c r="H9" s="163"/>
      <c r="I9" s="163"/>
      <c r="J9" s="163"/>
      <c r="K9" s="163"/>
      <c r="L9" s="163"/>
      <c r="M9" s="163"/>
      <c r="N9" s="163"/>
      <c r="O9" s="77"/>
      <c r="P9" s="5"/>
      <c r="Q9" s="22"/>
      <c r="R9" s="21"/>
      <c r="S9" s="22"/>
      <c r="T9" s="22"/>
      <c r="U9" s="22"/>
      <c r="V9" s="22"/>
      <c r="W9" s="22"/>
      <c r="X9" s="22"/>
    </row>
    <row r="10" spans="2:24" s="1" customFormat="1" ht="77.099999999999994" customHeight="1">
      <c r="B10" s="47"/>
      <c r="C10" s="157" t="s">
        <v>19</v>
      </c>
      <c r="D10" s="157"/>
      <c r="E10" s="157"/>
      <c r="F10" s="157"/>
      <c r="G10" s="157"/>
      <c r="H10" s="157"/>
      <c r="I10" s="157"/>
      <c r="J10" s="157"/>
      <c r="K10" s="157"/>
      <c r="L10" s="157"/>
      <c r="M10" s="157"/>
      <c r="N10" s="47"/>
      <c r="O10" s="70"/>
      <c r="P10" s="158" t="s">
        <v>17</v>
      </c>
      <c r="Q10" s="158"/>
      <c r="R10" s="158"/>
      <c r="S10" s="158"/>
      <c r="T10" s="22"/>
      <c r="U10" s="22"/>
      <c r="V10" s="22"/>
      <c r="W10" s="22"/>
      <c r="X10" s="22"/>
    </row>
    <row r="11" spans="2:24" s="1" customFormat="1" ht="77.099999999999994" customHeight="1">
      <c r="G11" s="18"/>
      <c r="H11" s="18"/>
      <c r="I11" s="19"/>
      <c r="K11" s="4"/>
      <c r="P11" s="151" t="s">
        <v>18</v>
      </c>
      <c r="Q11" s="151"/>
      <c r="R11" s="151"/>
      <c r="S11" s="151"/>
      <c r="T11" s="22"/>
      <c r="U11" s="22"/>
      <c r="V11" s="22"/>
      <c r="W11" s="22"/>
      <c r="X11" s="22"/>
    </row>
    <row r="12" spans="2:24" s="28" customFormat="1" ht="81.599999999999994" customHeight="1">
      <c r="B12" s="23" t="s">
        <v>20</v>
      </c>
      <c r="C12" s="23" t="s">
        <v>0</v>
      </c>
      <c r="D12" s="23" t="s">
        <v>21</v>
      </c>
      <c r="E12" s="66" t="s">
        <v>73</v>
      </c>
      <c r="F12" s="24" t="s">
        <v>1</v>
      </c>
      <c r="G12" s="24" t="s">
        <v>2</v>
      </c>
      <c r="H12" s="24" t="s">
        <v>3</v>
      </c>
      <c r="I12" s="24" t="s">
        <v>4</v>
      </c>
      <c r="J12" s="26" t="s">
        <v>5</v>
      </c>
      <c r="K12" s="25"/>
      <c r="L12" s="23" t="s">
        <v>20</v>
      </c>
      <c r="M12" s="23" t="s">
        <v>0</v>
      </c>
      <c r="N12" s="23" t="s">
        <v>21</v>
      </c>
      <c r="O12" s="66" t="s">
        <v>73</v>
      </c>
      <c r="P12" s="24" t="s">
        <v>1</v>
      </c>
      <c r="Q12" s="24" t="s">
        <v>2</v>
      </c>
      <c r="R12" s="24" t="s">
        <v>3</v>
      </c>
      <c r="S12" s="24" t="s">
        <v>4</v>
      </c>
      <c r="T12" s="26" t="s">
        <v>5</v>
      </c>
      <c r="U12" s="27"/>
    </row>
    <row r="13" spans="2:24" s="28" customFormat="1" ht="130.35" customHeight="1">
      <c r="B13" s="78">
        <v>1</v>
      </c>
      <c r="C13" s="79" t="s">
        <v>107</v>
      </c>
      <c r="D13" s="80" t="s">
        <v>11</v>
      </c>
      <c r="E13" s="118"/>
      <c r="F13" s="88" t="s">
        <v>191</v>
      </c>
      <c r="G13" s="120" t="s">
        <v>192</v>
      </c>
      <c r="H13" s="97">
        <v>1280</v>
      </c>
      <c r="I13" s="84"/>
      <c r="J13" s="85"/>
      <c r="K13" s="86"/>
      <c r="L13" s="78">
        <v>26</v>
      </c>
      <c r="M13" s="79" t="s">
        <v>6</v>
      </c>
      <c r="N13" s="104" t="s">
        <v>9</v>
      </c>
      <c r="O13" s="150" t="s">
        <v>74</v>
      </c>
      <c r="P13" s="88" t="s">
        <v>193</v>
      </c>
      <c r="Q13" s="120" t="s">
        <v>194</v>
      </c>
      <c r="R13" s="117">
        <v>1200</v>
      </c>
      <c r="S13" s="91"/>
      <c r="T13" s="92"/>
      <c r="U13" s="29"/>
    </row>
    <row r="14" spans="2:24" s="30" customFormat="1" ht="130.35" customHeight="1">
      <c r="B14" s="78">
        <v>2</v>
      </c>
      <c r="C14" s="79" t="s">
        <v>6</v>
      </c>
      <c r="D14" s="80" t="s">
        <v>11</v>
      </c>
      <c r="E14" s="118"/>
      <c r="F14" s="88" t="s">
        <v>195</v>
      </c>
      <c r="G14" s="120" t="s">
        <v>196</v>
      </c>
      <c r="H14" s="97">
        <v>1280</v>
      </c>
      <c r="I14" s="103"/>
      <c r="J14" s="49"/>
      <c r="K14" s="86"/>
      <c r="L14" s="78">
        <v>27</v>
      </c>
      <c r="M14" s="87" t="s">
        <v>197</v>
      </c>
      <c r="N14" s="104" t="s">
        <v>9</v>
      </c>
      <c r="O14" s="118"/>
      <c r="P14" s="119" t="s">
        <v>198</v>
      </c>
      <c r="Q14" s="120" t="s">
        <v>510</v>
      </c>
      <c r="R14" s="117">
        <v>3000</v>
      </c>
      <c r="S14" s="91"/>
      <c r="T14" s="92"/>
      <c r="U14" s="29"/>
    </row>
    <row r="15" spans="2:24" s="28" customFormat="1" ht="130.35" customHeight="1">
      <c r="B15" s="78">
        <v>3</v>
      </c>
      <c r="C15" s="79" t="s">
        <v>7</v>
      </c>
      <c r="D15" s="80" t="s">
        <v>11</v>
      </c>
      <c r="E15" s="118"/>
      <c r="F15" s="88" t="s">
        <v>204</v>
      </c>
      <c r="G15" s="120" t="s">
        <v>205</v>
      </c>
      <c r="H15" s="97">
        <v>1280</v>
      </c>
      <c r="I15" s="84"/>
      <c r="J15" s="85"/>
      <c r="K15" s="86"/>
      <c r="L15" s="78">
        <v>28</v>
      </c>
      <c r="M15" s="79" t="s">
        <v>201</v>
      </c>
      <c r="N15" s="104" t="s">
        <v>9</v>
      </c>
      <c r="O15" s="118"/>
      <c r="P15" s="119" t="s">
        <v>202</v>
      </c>
      <c r="Q15" s="120" t="s">
        <v>203</v>
      </c>
      <c r="R15" s="117">
        <v>1600</v>
      </c>
      <c r="S15" s="91"/>
      <c r="T15" s="92"/>
      <c r="U15" s="29"/>
    </row>
    <row r="16" spans="2:24" s="28" customFormat="1" ht="130.35" customHeight="1">
      <c r="B16" s="98">
        <v>4</v>
      </c>
      <c r="C16" s="79" t="s">
        <v>208</v>
      </c>
      <c r="D16" s="80" t="s">
        <v>11</v>
      </c>
      <c r="E16" s="118"/>
      <c r="F16" s="122" t="s">
        <v>209</v>
      </c>
      <c r="G16" s="121" t="s">
        <v>210</v>
      </c>
      <c r="H16" s="97">
        <v>1400</v>
      </c>
      <c r="I16" s="84"/>
      <c r="J16" s="85"/>
      <c r="K16" s="86"/>
      <c r="L16" s="78">
        <v>29</v>
      </c>
      <c r="M16" s="79" t="s">
        <v>132</v>
      </c>
      <c r="N16" s="104" t="s">
        <v>9</v>
      </c>
      <c r="O16" s="114"/>
      <c r="P16" s="100" t="s">
        <v>206</v>
      </c>
      <c r="Q16" s="123" t="s">
        <v>207</v>
      </c>
      <c r="R16" s="125">
        <v>1680</v>
      </c>
      <c r="S16" s="103"/>
      <c r="T16" s="109"/>
      <c r="U16" s="29"/>
    </row>
    <row r="17" spans="2:21" s="28" customFormat="1" ht="130.35" customHeight="1">
      <c r="B17" s="78">
        <v>5</v>
      </c>
      <c r="C17" s="79" t="s">
        <v>208</v>
      </c>
      <c r="D17" s="80" t="s">
        <v>11</v>
      </c>
      <c r="E17" s="118"/>
      <c r="F17" s="105" t="s">
        <v>213</v>
      </c>
      <c r="G17" s="120" t="s">
        <v>214</v>
      </c>
      <c r="H17" s="97">
        <v>1580</v>
      </c>
      <c r="I17" s="103"/>
      <c r="J17" s="109"/>
      <c r="K17" s="86"/>
      <c r="L17" s="78">
        <v>30</v>
      </c>
      <c r="M17" s="79" t="s">
        <v>132</v>
      </c>
      <c r="N17" s="104" t="s">
        <v>9</v>
      </c>
      <c r="O17" s="118"/>
      <c r="P17" s="108" t="s">
        <v>211</v>
      </c>
      <c r="Q17" s="120" t="s">
        <v>212</v>
      </c>
      <c r="R17" s="117">
        <v>1800</v>
      </c>
      <c r="S17" s="91"/>
      <c r="T17" s="92"/>
      <c r="U17" s="29"/>
    </row>
    <row r="18" spans="2:21" s="28" customFormat="1" ht="130.35" customHeight="1">
      <c r="B18" s="78">
        <v>6</v>
      </c>
      <c r="C18" s="79" t="s">
        <v>145</v>
      </c>
      <c r="D18" s="80" t="s">
        <v>11</v>
      </c>
      <c r="E18" s="118"/>
      <c r="F18" s="115" t="s">
        <v>215</v>
      </c>
      <c r="G18" s="123" t="s">
        <v>216</v>
      </c>
      <c r="H18" s="82">
        <v>1500</v>
      </c>
      <c r="I18" s="103"/>
      <c r="J18" s="49"/>
      <c r="K18" s="86"/>
      <c r="L18" s="78">
        <v>31</v>
      </c>
      <c r="M18" s="79"/>
      <c r="N18" s="80"/>
      <c r="O18" s="118"/>
      <c r="P18" s="119"/>
      <c r="Q18" s="120"/>
      <c r="R18" s="117"/>
      <c r="S18" s="91"/>
      <c r="T18" s="92"/>
      <c r="U18" s="29"/>
    </row>
    <row r="19" spans="2:21" s="28" customFormat="1" ht="130.35" customHeight="1">
      <c r="B19" s="98">
        <v>7</v>
      </c>
      <c r="C19" s="79" t="s">
        <v>145</v>
      </c>
      <c r="D19" s="80" t="s">
        <v>11</v>
      </c>
      <c r="E19" s="118"/>
      <c r="F19" s="88" t="s">
        <v>217</v>
      </c>
      <c r="G19" s="121" t="s">
        <v>218</v>
      </c>
      <c r="H19" s="97">
        <v>700</v>
      </c>
      <c r="I19" s="103"/>
      <c r="J19" s="109"/>
      <c r="K19" s="86"/>
      <c r="L19" s="78">
        <v>32</v>
      </c>
      <c r="M19" s="79"/>
      <c r="N19" s="80"/>
      <c r="O19" s="118"/>
      <c r="P19" s="88"/>
      <c r="Q19" s="120"/>
      <c r="R19" s="117"/>
      <c r="S19" s="91"/>
      <c r="T19" s="92"/>
      <c r="U19" s="29"/>
    </row>
    <row r="20" spans="2:21" s="28" customFormat="1" ht="130.35" customHeight="1">
      <c r="B20" s="78">
        <v>8</v>
      </c>
      <c r="C20" s="79" t="s">
        <v>219</v>
      </c>
      <c r="D20" s="80" t="s">
        <v>11</v>
      </c>
      <c r="E20" s="118"/>
      <c r="F20" s="119" t="s">
        <v>220</v>
      </c>
      <c r="G20" s="120" t="s">
        <v>221</v>
      </c>
      <c r="H20" s="97">
        <v>950</v>
      </c>
      <c r="I20" s="103"/>
      <c r="J20" s="109"/>
      <c r="K20" s="86"/>
      <c r="L20" s="78">
        <v>33</v>
      </c>
      <c r="M20" s="79"/>
      <c r="N20" s="80"/>
      <c r="O20" s="118"/>
      <c r="P20" s="126"/>
      <c r="Q20" s="120"/>
      <c r="R20" s="117"/>
      <c r="S20" s="91"/>
      <c r="T20" s="92"/>
      <c r="U20" s="29"/>
    </row>
    <row r="21" spans="2:21" s="28" customFormat="1" ht="130.35" customHeight="1">
      <c r="B21" s="98">
        <v>9</v>
      </c>
      <c r="C21" s="79" t="s">
        <v>222</v>
      </c>
      <c r="D21" s="80" t="s">
        <v>11</v>
      </c>
      <c r="E21" s="118"/>
      <c r="F21" s="88" t="s">
        <v>223</v>
      </c>
      <c r="G21" s="120" t="s">
        <v>224</v>
      </c>
      <c r="H21" s="97">
        <v>1200</v>
      </c>
      <c r="I21" s="103"/>
      <c r="J21" s="109"/>
      <c r="K21" s="86"/>
      <c r="L21" s="78">
        <v>34</v>
      </c>
      <c r="M21" s="79"/>
      <c r="N21" s="80"/>
      <c r="O21" s="118"/>
      <c r="P21" s="88"/>
      <c r="Q21" s="120"/>
      <c r="R21" s="117"/>
      <c r="S21" s="91"/>
      <c r="T21" s="92"/>
      <c r="U21" s="29"/>
    </row>
    <row r="22" spans="2:21" s="28" customFormat="1" ht="130.35" customHeight="1">
      <c r="B22" s="78">
        <v>10</v>
      </c>
      <c r="C22" s="79" t="s">
        <v>222</v>
      </c>
      <c r="D22" s="80" t="s">
        <v>11</v>
      </c>
      <c r="E22" s="118"/>
      <c r="F22" s="88" t="s">
        <v>225</v>
      </c>
      <c r="G22" s="123" t="s">
        <v>226</v>
      </c>
      <c r="H22" s="82">
        <v>1300</v>
      </c>
      <c r="I22" s="103"/>
      <c r="J22" s="109"/>
      <c r="K22" s="86"/>
      <c r="L22" s="78">
        <v>35</v>
      </c>
      <c r="M22" s="79"/>
      <c r="N22" s="80"/>
      <c r="O22" s="118"/>
      <c r="P22" s="88"/>
      <c r="Q22" s="120"/>
      <c r="R22" s="117"/>
      <c r="S22" s="91"/>
      <c r="T22" s="92"/>
    </row>
    <row r="23" spans="2:21" s="28" customFormat="1" ht="130.35" customHeight="1">
      <c r="B23" s="78">
        <v>11</v>
      </c>
      <c r="C23" s="79" t="s">
        <v>6</v>
      </c>
      <c r="D23" s="80" t="s">
        <v>42</v>
      </c>
      <c r="E23" s="118"/>
      <c r="F23" s="115" t="s">
        <v>227</v>
      </c>
      <c r="G23" s="123" t="s">
        <v>228</v>
      </c>
      <c r="H23" s="82">
        <v>1500</v>
      </c>
      <c r="I23" s="84"/>
      <c r="J23" s="85"/>
      <c r="K23" s="86"/>
      <c r="L23" s="78">
        <v>36</v>
      </c>
      <c r="M23" s="79"/>
      <c r="N23" s="80"/>
      <c r="O23" s="118"/>
      <c r="P23" s="88"/>
      <c r="Q23" s="120"/>
      <c r="R23" s="117"/>
      <c r="S23" s="91"/>
      <c r="T23" s="92"/>
      <c r="U23" s="29"/>
    </row>
    <row r="24" spans="2:21" s="28" customFormat="1" ht="130.35" customHeight="1">
      <c r="B24" s="98">
        <v>12</v>
      </c>
      <c r="C24" s="79" t="s">
        <v>229</v>
      </c>
      <c r="D24" s="80" t="s">
        <v>42</v>
      </c>
      <c r="E24" s="118"/>
      <c r="F24" s="88" t="s">
        <v>230</v>
      </c>
      <c r="G24" s="120" t="s">
        <v>231</v>
      </c>
      <c r="H24" s="97">
        <v>1380</v>
      </c>
      <c r="I24" s="84"/>
      <c r="J24" s="85"/>
      <c r="K24" s="86"/>
      <c r="L24" s="78">
        <v>37</v>
      </c>
      <c r="M24" s="79"/>
      <c r="N24" s="80"/>
      <c r="O24" s="118"/>
      <c r="P24" s="88"/>
      <c r="Q24" s="120"/>
      <c r="R24" s="117"/>
      <c r="S24" s="91"/>
      <c r="T24" s="92"/>
      <c r="U24" s="29"/>
    </row>
    <row r="25" spans="2:21" s="28" customFormat="1" ht="130.35" customHeight="1">
      <c r="B25" s="78">
        <v>13</v>
      </c>
      <c r="C25" s="79" t="s">
        <v>229</v>
      </c>
      <c r="D25" s="80" t="s">
        <v>42</v>
      </c>
      <c r="E25" s="118"/>
      <c r="F25" s="88" t="s">
        <v>232</v>
      </c>
      <c r="G25" s="120" t="s">
        <v>233</v>
      </c>
      <c r="H25" s="97">
        <v>1380</v>
      </c>
      <c r="I25" s="103"/>
      <c r="J25" s="49"/>
      <c r="K25" s="86"/>
      <c r="L25" s="78">
        <v>38</v>
      </c>
      <c r="M25" s="79"/>
      <c r="N25" s="80"/>
      <c r="O25" s="118"/>
      <c r="P25" s="88"/>
      <c r="Q25" s="120"/>
      <c r="R25" s="117"/>
      <c r="S25" s="91"/>
      <c r="T25" s="92"/>
      <c r="U25" s="29"/>
    </row>
    <row r="26" spans="2:21" s="28" customFormat="1" ht="130.35" customHeight="1">
      <c r="B26" s="78">
        <v>14</v>
      </c>
      <c r="C26" s="79" t="s">
        <v>12</v>
      </c>
      <c r="D26" s="80" t="s">
        <v>42</v>
      </c>
      <c r="E26" s="118"/>
      <c r="F26" s="99" t="s">
        <v>234</v>
      </c>
      <c r="G26" s="120" t="s">
        <v>235</v>
      </c>
      <c r="H26" s="97">
        <v>1580</v>
      </c>
      <c r="I26" s="103"/>
      <c r="J26" s="49"/>
      <c r="K26" s="86"/>
      <c r="L26" s="78">
        <v>39</v>
      </c>
      <c r="M26" s="79"/>
      <c r="N26" s="80"/>
      <c r="O26" s="118"/>
      <c r="P26" s="88"/>
      <c r="Q26" s="120"/>
      <c r="R26" s="117"/>
      <c r="S26" s="103"/>
      <c r="T26" s="109"/>
      <c r="U26" s="29"/>
    </row>
    <row r="27" spans="2:21" s="28" customFormat="1" ht="130.35" customHeight="1">
      <c r="B27" s="98">
        <v>15</v>
      </c>
      <c r="C27" s="79" t="s">
        <v>222</v>
      </c>
      <c r="D27" s="80" t="s">
        <v>42</v>
      </c>
      <c r="E27" s="118"/>
      <c r="F27" s="115" t="s">
        <v>236</v>
      </c>
      <c r="G27" s="123" t="s">
        <v>237</v>
      </c>
      <c r="H27" s="82">
        <v>1380</v>
      </c>
      <c r="I27" s="103"/>
      <c r="J27" s="49"/>
      <c r="K27" s="86"/>
      <c r="L27" s="78">
        <v>40</v>
      </c>
      <c r="M27" s="79"/>
      <c r="N27" s="80"/>
      <c r="O27" s="118"/>
      <c r="P27" s="88"/>
      <c r="Q27" s="120"/>
      <c r="R27" s="117"/>
      <c r="S27" s="103"/>
      <c r="T27" s="109"/>
      <c r="U27" s="29"/>
    </row>
    <row r="28" spans="2:21" s="28" customFormat="1" ht="130.35" customHeight="1">
      <c r="B28" s="78">
        <v>16</v>
      </c>
      <c r="C28" s="79" t="s">
        <v>15</v>
      </c>
      <c r="D28" s="80" t="s">
        <v>9</v>
      </c>
      <c r="E28" s="118"/>
      <c r="F28" s="88" t="s">
        <v>238</v>
      </c>
      <c r="G28" s="120" t="s">
        <v>239</v>
      </c>
      <c r="H28" s="97">
        <v>2200</v>
      </c>
      <c r="I28" s="103"/>
      <c r="J28" s="49"/>
      <c r="K28" s="86"/>
      <c r="L28" s="78">
        <v>41</v>
      </c>
      <c r="M28" s="79"/>
      <c r="N28" s="80"/>
      <c r="O28" s="118"/>
      <c r="P28" s="88"/>
      <c r="Q28" s="120"/>
      <c r="R28" s="117"/>
      <c r="S28" s="91"/>
      <c r="T28" s="92"/>
      <c r="U28" s="29"/>
    </row>
    <row r="29" spans="2:21" s="28" customFormat="1" ht="130.35" customHeight="1">
      <c r="B29" s="78">
        <v>17</v>
      </c>
      <c r="C29" s="79" t="s">
        <v>15</v>
      </c>
      <c r="D29" s="80" t="s">
        <v>9</v>
      </c>
      <c r="E29" s="118"/>
      <c r="F29" s="124" t="s">
        <v>240</v>
      </c>
      <c r="G29" s="120" t="s">
        <v>241</v>
      </c>
      <c r="H29" s="97">
        <v>1400</v>
      </c>
      <c r="I29" s="103"/>
      <c r="J29" s="49"/>
      <c r="K29" s="86"/>
      <c r="L29" s="78">
        <v>42</v>
      </c>
      <c r="M29" s="79"/>
      <c r="N29" s="80"/>
      <c r="O29" s="118"/>
      <c r="P29" s="88"/>
      <c r="Q29" s="120"/>
      <c r="R29" s="117"/>
      <c r="S29" s="91"/>
      <c r="T29" s="92"/>
      <c r="U29" s="29"/>
    </row>
    <row r="30" spans="2:21" s="28" customFormat="1" ht="130.35" customHeight="1">
      <c r="B30" s="78">
        <v>18</v>
      </c>
      <c r="C30" s="79" t="s">
        <v>242</v>
      </c>
      <c r="D30" s="80" t="s">
        <v>9</v>
      </c>
      <c r="E30" s="118"/>
      <c r="F30" s="124" t="s">
        <v>243</v>
      </c>
      <c r="G30" s="120" t="s">
        <v>244</v>
      </c>
      <c r="H30" s="97">
        <v>1500</v>
      </c>
      <c r="I30" s="91"/>
      <c r="J30" s="92"/>
      <c r="K30" s="86"/>
      <c r="L30" s="78">
        <v>43</v>
      </c>
      <c r="M30" s="79"/>
      <c r="N30" s="80"/>
      <c r="O30" s="118"/>
      <c r="P30" s="99"/>
      <c r="Q30" s="120"/>
      <c r="R30" s="117"/>
      <c r="S30" s="91"/>
      <c r="T30" s="92"/>
      <c r="U30" s="29"/>
    </row>
    <row r="31" spans="2:21" s="28" customFormat="1" ht="130.35" customHeight="1">
      <c r="B31" s="78">
        <v>19</v>
      </c>
      <c r="C31" s="79" t="s">
        <v>242</v>
      </c>
      <c r="D31" s="80" t="s">
        <v>9</v>
      </c>
      <c r="E31" s="118"/>
      <c r="F31" s="124" t="s">
        <v>245</v>
      </c>
      <c r="G31" s="121" t="s">
        <v>246</v>
      </c>
      <c r="H31" s="97">
        <v>1500</v>
      </c>
      <c r="I31" s="103"/>
      <c r="J31" s="109"/>
      <c r="K31" s="86"/>
      <c r="L31" s="78">
        <v>44</v>
      </c>
      <c r="M31" s="79"/>
      <c r="N31" s="80"/>
      <c r="O31" s="118"/>
      <c r="P31" s="99"/>
      <c r="Q31" s="120"/>
      <c r="R31" s="117"/>
      <c r="S31" s="91"/>
      <c r="T31" s="92"/>
      <c r="U31" s="29"/>
    </row>
    <row r="32" spans="2:21" s="28" customFormat="1" ht="130.35" customHeight="1">
      <c r="B32" s="78">
        <v>20</v>
      </c>
      <c r="C32" s="79" t="s">
        <v>247</v>
      </c>
      <c r="D32" s="80" t="s">
        <v>9</v>
      </c>
      <c r="E32" s="118"/>
      <c r="F32" s="105" t="s">
        <v>248</v>
      </c>
      <c r="G32" s="120" t="s">
        <v>249</v>
      </c>
      <c r="H32" s="97">
        <v>1500</v>
      </c>
      <c r="I32" s="91"/>
      <c r="J32" s="92"/>
      <c r="K32" s="86"/>
      <c r="L32" s="78">
        <v>45</v>
      </c>
      <c r="M32" s="79"/>
      <c r="N32" s="80"/>
      <c r="O32" s="118"/>
      <c r="P32" s="99"/>
      <c r="Q32" s="120"/>
      <c r="R32" s="117"/>
      <c r="S32" s="91"/>
      <c r="T32" s="92"/>
      <c r="U32" s="29"/>
    </row>
    <row r="33" spans="2:24" s="28" customFormat="1" ht="130.35" customHeight="1">
      <c r="B33" s="98">
        <v>21</v>
      </c>
      <c r="C33" s="79" t="s">
        <v>10</v>
      </c>
      <c r="D33" s="80" t="s">
        <v>9</v>
      </c>
      <c r="E33" s="118"/>
      <c r="F33" s="124" t="s">
        <v>250</v>
      </c>
      <c r="G33" s="120" t="s">
        <v>251</v>
      </c>
      <c r="H33" s="97">
        <v>1500</v>
      </c>
      <c r="I33" s="103"/>
      <c r="J33" s="109"/>
      <c r="K33" s="86"/>
      <c r="L33" s="78">
        <v>46</v>
      </c>
      <c r="M33" s="79"/>
      <c r="N33" s="80"/>
      <c r="O33" s="118"/>
      <c r="P33" s="99"/>
      <c r="Q33" s="120"/>
      <c r="R33" s="117"/>
      <c r="S33" s="91"/>
      <c r="T33" s="92"/>
      <c r="U33" s="29"/>
    </row>
    <row r="34" spans="2:24" s="28" customFormat="1" ht="130.35" customHeight="1">
      <c r="B34" s="78">
        <v>22</v>
      </c>
      <c r="C34" s="79" t="s">
        <v>10</v>
      </c>
      <c r="D34" s="80" t="s">
        <v>9</v>
      </c>
      <c r="E34" s="118"/>
      <c r="F34" s="88" t="s">
        <v>252</v>
      </c>
      <c r="G34" s="120" t="s">
        <v>253</v>
      </c>
      <c r="H34" s="97">
        <v>2800</v>
      </c>
      <c r="I34" s="103"/>
      <c r="J34" s="109"/>
      <c r="K34" s="86"/>
      <c r="L34" s="78">
        <v>47</v>
      </c>
      <c r="M34" s="79"/>
      <c r="N34" s="80"/>
      <c r="O34" s="118"/>
      <c r="P34" s="99"/>
      <c r="Q34" s="120"/>
      <c r="R34" s="117"/>
      <c r="S34" s="91"/>
      <c r="T34" s="92"/>
      <c r="U34" s="29"/>
    </row>
    <row r="35" spans="2:24" s="28" customFormat="1" ht="130.35" customHeight="1">
      <c r="B35" s="98">
        <v>23</v>
      </c>
      <c r="C35" s="79" t="s">
        <v>177</v>
      </c>
      <c r="D35" s="80" t="s">
        <v>9</v>
      </c>
      <c r="E35" s="118"/>
      <c r="F35" s="88" t="s">
        <v>254</v>
      </c>
      <c r="G35" s="121" t="s">
        <v>255</v>
      </c>
      <c r="H35" s="97">
        <v>1680</v>
      </c>
      <c r="I35" s="103"/>
      <c r="J35" s="109"/>
      <c r="K35" s="86"/>
      <c r="L35" s="78">
        <v>48</v>
      </c>
      <c r="M35" s="79"/>
      <c r="N35" s="80"/>
      <c r="O35" s="118"/>
      <c r="P35" s="99"/>
      <c r="Q35" s="120"/>
      <c r="R35" s="117"/>
      <c r="S35" s="91"/>
      <c r="T35" s="92"/>
      <c r="U35" s="29"/>
    </row>
    <row r="36" spans="2:24" s="28" customFormat="1" ht="130.35" customHeight="1">
      <c r="B36" s="78">
        <v>24</v>
      </c>
      <c r="C36" s="79" t="s">
        <v>6</v>
      </c>
      <c r="D36" s="80" t="s">
        <v>9</v>
      </c>
      <c r="E36" s="118" t="s">
        <v>74</v>
      </c>
      <c r="F36" s="126" t="s">
        <v>199</v>
      </c>
      <c r="G36" s="120" t="s">
        <v>200</v>
      </c>
      <c r="H36" s="117">
        <v>1600</v>
      </c>
      <c r="I36" s="103"/>
      <c r="J36" s="109"/>
      <c r="K36" s="86"/>
      <c r="L36" s="78">
        <v>49</v>
      </c>
      <c r="M36" s="79"/>
      <c r="N36" s="80"/>
      <c r="O36" s="118"/>
      <c r="P36" s="99"/>
      <c r="Q36" s="120"/>
      <c r="R36" s="117"/>
      <c r="S36" s="91"/>
      <c r="T36" s="92"/>
      <c r="U36" s="29"/>
    </row>
    <row r="37" spans="2:24" s="28" customFormat="1" ht="130.35" customHeight="1">
      <c r="B37" s="78">
        <v>25</v>
      </c>
      <c r="C37" s="79" t="s">
        <v>6</v>
      </c>
      <c r="D37" s="80" t="s">
        <v>9</v>
      </c>
      <c r="E37" s="149" t="s">
        <v>74</v>
      </c>
      <c r="F37" s="99" t="s">
        <v>256</v>
      </c>
      <c r="G37" s="120" t="s">
        <v>257</v>
      </c>
      <c r="H37" s="97">
        <v>2000</v>
      </c>
      <c r="I37" s="91"/>
      <c r="J37" s="92"/>
      <c r="K37" s="86"/>
      <c r="L37" s="78">
        <v>50</v>
      </c>
      <c r="M37" s="79"/>
      <c r="N37" s="80"/>
      <c r="O37" s="118"/>
      <c r="P37" s="99"/>
      <c r="Q37" s="120"/>
      <c r="R37" s="117"/>
      <c r="S37" s="91"/>
      <c r="T37" s="92"/>
      <c r="U37" s="29"/>
    </row>
    <row r="38" spans="2:24" s="35" customFormat="1" ht="96.6" customHeight="1">
      <c r="B38" s="31"/>
      <c r="E38" s="69"/>
      <c r="K38" s="17"/>
      <c r="L38" s="31"/>
      <c r="M38" s="31"/>
      <c r="N38" s="31"/>
      <c r="O38" s="31"/>
      <c r="P38" s="31"/>
      <c r="Q38" s="31"/>
      <c r="R38" s="31"/>
      <c r="S38" s="1"/>
      <c r="T38" s="31"/>
      <c r="U38" s="34"/>
    </row>
    <row r="39" spans="2:24" s="35" customFormat="1" ht="30.6" customHeight="1">
      <c r="B39" s="31"/>
      <c r="C39" s="31"/>
      <c r="D39" s="31"/>
      <c r="E39" s="1"/>
      <c r="F39" s="31"/>
      <c r="G39" s="31"/>
      <c r="H39" s="32"/>
      <c r="I39" s="32"/>
      <c r="J39" s="32"/>
      <c r="K39" s="17"/>
      <c r="L39" s="1"/>
      <c r="M39" s="1"/>
      <c r="N39" s="1"/>
      <c r="O39" s="1"/>
      <c r="P39" s="3"/>
      <c r="Q39" s="1"/>
      <c r="R39" s="33"/>
      <c r="S39" s="1"/>
      <c r="T39" s="36"/>
      <c r="U39" s="37"/>
      <c r="V39" s="38"/>
      <c r="W39" s="38"/>
      <c r="X39" s="38"/>
    </row>
    <row r="40" spans="2:24" s="1" customFormat="1" ht="48.95" customHeight="1">
      <c r="E40" s="42"/>
      <c r="I40" s="32"/>
      <c r="J40" s="32"/>
      <c r="K40" s="39"/>
      <c r="L40" s="40"/>
      <c r="M40" s="42"/>
      <c r="N40" s="42"/>
      <c r="O40" s="42"/>
      <c r="P40" s="43"/>
      <c r="Q40" s="42"/>
      <c r="R40" s="45"/>
      <c r="T40" s="34"/>
      <c r="U40" s="34"/>
      <c r="V40" s="34"/>
      <c r="W40" s="34"/>
      <c r="X40" s="34"/>
    </row>
    <row r="41" spans="2:24" ht="13.5">
      <c r="B41" s="40"/>
      <c r="C41" s="40"/>
      <c r="D41" s="40"/>
      <c r="E41" s="40"/>
      <c r="F41" s="40"/>
      <c r="G41" s="40"/>
      <c r="H41" s="40"/>
      <c r="L41" s="40"/>
      <c r="M41" s="40"/>
      <c r="N41" s="40"/>
      <c r="O41" s="40"/>
      <c r="P41" s="40"/>
      <c r="Q41" s="40"/>
      <c r="R41" s="40"/>
      <c r="S41" s="40"/>
    </row>
    <row r="42" spans="2:24" ht="13.5">
      <c r="B42" s="40"/>
      <c r="C42" s="40"/>
      <c r="D42" s="40"/>
      <c r="E42" s="40"/>
      <c r="F42" s="40"/>
      <c r="G42" s="40"/>
      <c r="H42" s="40"/>
      <c r="L42" s="40"/>
      <c r="M42" s="40"/>
      <c r="N42" s="40"/>
      <c r="O42" s="40"/>
      <c r="P42" s="40"/>
      <c r="Q42" s="40"/>
      <c r="R42" s="40"/>
      <c r="S42" s="40"/>
    </row>
    <row r="43" spans="2:24" ht="13.5">
      <c r="B43" s="40"/>
      <c r="C43" s="40"/>
      <c r="D43" s="40"/>
      <c r="E43" s="40"/>
      <c r="F43" s="40"/>
      <c r="G43" s="40"/>
      <c r="H43" s="40"/>
      <c r="L43" s="40"/>
      <c r="M43" s="40"/>
      <c r="N43" s="40"/>
      <c r="O43" s="40"/>
      <c r="P43" s="40"/>
      <c r="Q43" s="40"/>
      <c r="R43" s="40"/>
      <c r="S43" s="40"/>
    </row>
    <row r="44" spans="2:24" ht="13.5">
      <c r="B44" s="40"/>
      <c r="C44" s="40"/>
      <c r="D44" s="40"/>
      <c r="E44" s="40"/>
      <c r="F44" s="40"/>
      <c r="G44" s="40"/>
      <c r="H44" s="40"/>
      <c r="L44" s="40"/>
      <c r="M44" s="40"/>
      <c r="N44" s="40"/>
      <c r="O44" s="40"/>
      <c r="P44" s="40"/>
      <c r="Q44" s="40"/>
      <c r="R44" s="40"/>
      <c r="S44" s="40"/>
    </row>
    <row r="45" spans="2:24" ht="13.5">
      <c r="B45" s="40"/>
      <c r="C45" s="40"/>
      <c r="D45" s="40"/>
      <c r="E45" s="40"/>
      <c r="F45" s="40"/>
      <c r="G45" s="40"/>
      <c r="H45" s="40"/>
      <c r="L45" s="40"/>
      <c r="M45" s="40"/>
      <c r="N45" s="40"/>
      <c r="O45" s="40"/>
      <c r="P45" s="40"/>
      <c r="Q45" s="40"/>
      <c r="R45" s="40"/>
      <c r="S45" s="40"/>
    </row>
    <row r="46" spans="2:24" ht="13.5">
      <c r="B46" s="40"/>
      <c r="C46" s="40"/>
      <c r="D46" s="40"/>
      <c r="E46" s="40"/>
      <c r="F46" s="40"/>
      <c r="G46" s="40"/>
      <c r="H46" s="40"/>
      <c r="L46" s="40"/>
      <c r="M46" s="40"/>
      <c r="N46" s="40"/>
      <c r="O46" s="40"/>
      <c r="P46" s="40"/>
      <c r="Q46" s="40"/>
      <c r="R46" s="40"/>
      <c r="S46" s="40"/>
    </row>
    <row r="47" spans="2:24" ht="13.5">
      <c r="B47" s="40"/>
      <c r="C47" s="40"/>
      <c r="D47" s="40"/>
      <c r="E47" s="40"/>
      <c r="F47" s="40"/>
      <c r="G47" s="40"/>
      <c r="H47" s="40"/>
      <c r="L47" s="40"/>
      <c r="M47" s="40"/>
      <c r="N47" s="40"/>
      <c r="O47" s="40"/>
      <c r="P47" s="40"/>
      <c r="Q47" s="40"/>
      <c r="R47" s="40"/>
      <c r="S47" s="40"/>
    </row>
    <row r="48" spans="2:24" ht="13.5">
      <c r="B48" s="40"/>
      <c r="C48" s="40"/>
      <c r="D48" s="40"/>
      <c r="E48" s="40"/>
      <c r="F48" s="40"/>
      <c r="G48" s="40"/>
      <c r="H48" s="40"/>
      <c r="L48" s="40"/>
      <c r="M48" s="40"/>
      <c r="N48" s="40"/>
      <c r="O48" s="40"/>
      <c r="P48" s="40"/>
      <c r="Q48" s="40"/>
      <c r="R48" s="40"/>
      <c r="S48" s="40"/>
    </row>
    <row r="49" spans="2:19" ht="13.5">
      <c r="B49" s="40"/>
      <c r="C49" s="40"/>
      <c r="D49" s="40"/>
      <c r="E49" s="40"/>
      <c r="F49" s="40"/>
      <c r="G49" s="40"/>
      <c r="H49" s="40"/>
      <c r="L49" s="40"/>
      <c r="M49" s="40"/>
      <c r="N49" s="40"/>
      <c r="O49" s="40"/>
      <c r="P49" s="40"/>
      <c r="Q49" s="40"/>
      <c r="R49" s="40"/>
      <c r="S49" s="40"/>
    </row>
    <row r="50" spans="2:19" ht="13.5">
      <c r="B50" s="40"/>
      <c r="C50" s="40"/>
      <c r="D50" s="40"/>
      <c r="E50" s="40"/>
      <c r="F50" s="40"/>
      <c r="G50" s="40"/>
      <c r="H50" s="40"/>
      <c r="L50" s="40"/>
      <c r="M50" s="40"/>
      <c r="N50" s="40"/>
      <c r="O50" s="40"/>
      <c r="P50" s="40"/>
      <c r="Q50" s="40"/>
      <c r="R50" s="40"/>
      <c r="S50" s="40"/>
    </row>
    <row r="51" spans="2:19" ht="13.5">
      <c r="B51" s="40"/>
      <c r="C51" s="40"/>
      <c r="D51" s="40"/>
      <c r="E51" s="40"/>
      <c r="F51" s="40"/>
      <c r="G51" s="40"/>
      <c r="H51" s="40"/>
      <c r="L51" s="40"/>
      <c r="M51" s="40"/>
      <c r="N51" s="40"/>
      <c r="O51" s="40"/>
      <c r="P51" s="40"/>
      <c r="Q51" s="40"/>
      <c r="R51" s="40"/>
      <c r="S51" s="40"/>
    </row>
    <row r="52" spans="2:19" ht="13.5">
      <c r="B52" s="40"/>
      <c r="C52" s="40"/>
      <c r="D52" s="40"/>
      <c r="E52" s="40"/>
      <c r="F52" s="40"/>
      <c r="G52" s="40"/>
      <c r="H52" s="40"/>
      <c r="L52" s="40"/>
      <c r="M52" s="40"/>
      <c r="N52" s="40"/>
      <c r="O52" s="40"/>
      <c r="P52" s="40"/>
      <c r="Q52" s="40"/>
      <c r="R52" s="40"/>
      <c r="S52" s="40"/>
    </row>
    <row r="53" spans="2:19" ht="13.5">
      <c r="B53" s="40"/>
      <c r="C53" s="40"/>
      <c r="D53" s="40"/>
      <c r="E53" s="40"/>
      <c r="F53" s="40"/>
      <c r="G53" s="40"/>
      <c r="H53" s="40"/>
      <c r="L53" s="40"/>
      <c r="M53" s="40"/>
      <c r="N53" s="40"/>
      <c r="O53" s="40"/>
      <c r="P53" s="40"/>
      <c r="Q53" s="40"/>
      <c r="R53" s="40"/>
      <c r="S53" s="40"/>
    </row>
    <row r="54" spans="2:19" ht="54.95" customHeight="1">
      <c r="B54" s="40"/>
      <c r="C54" s="40"/>
      <c r="D54" s="40"/>
      <c r="E54" s="40"/>
      <c r="F54" s="40"/>
      <c r="G54" s="40"/>
      <c r="H54" s="40"/>
      <c r="L54" s="40"/>
      <c r="M54" s="40"/>
      <c r="N54" s="40"/>
      <c r="O54" s="40"/>
      <c r="P54" s="40"/>
      <c r="Q54" s="40"/>
      <c r="R54" s="40"/>
      <c r="S54" s="40"/>
    </row>
    <row r="55" spans="2:19" ht="13.5">
      <c r="B55" s="40"/>
      <c r="C55" s="40"/>
      <c r="D55" s="40"/>
      <c r="E55" s="40"/>
      <c r="F55" s="40"/>
      <c r="G55" s="40"/>
      <c r="H55" s="40"/>
      <c r="L55" s="40"/>
      <c r="M55" s="40"/>
      <c r="N55" s="40"/>
      <c r="O55" s="40"/>
      <c r="P55" s="40"/>
      <c r="Q55" s="40"/>
      <c r="R55" s="40"/>
      <c r="S55" s="40"/>
    </row>
    <row r="56" spans="2:19" ht="13.5">
      <c r="B56" s="40"/>
      <c r="C56" s="40"/>
      <c r="D56" s="40"/>
      <c r="E56" s="40"/>
      <c r="F56" s="40"/>
      <c r="G56" s="40"/>
      <c r="H56" s="40"/>
      <c r="L56" s="40"/>
      <c r="M56" s="40"/>
      <c r="N56" s="40"/>
      <c r="O56" s="40"/>
      <c r="P56" s="40"/>
      <c r="Q56" s="40"/>
      <c r="R56" s="40"/>
      <c r="S56" s="40"/>
    </row>
    <row r="57" spans="2:19" ht="13.5">
      <c r="B57" s="40"/>
      <c r="C57" s="40"/>
      <c r="D57" s="40"/>
      <c r="E57" s="40"/>
      <c r="F57" s="40"/>
      <c r="G57" s="40"/>
      <c r="H57" s="40"/>
      <c r="L57" s="40"/>
      <c r="M57" s="40"/>
      <c r="N57" s="40"/>
      <c r="O57" s="40"/>
      <c r="P57" s="40"/>
      <c r="Q57" s="40"/>
      <c r="R57" s="40"/>
      <c r="S57" s="40"/>
    </row>
    <row r="58" spans="2:19" ht="13.5">
      <c r="B58" s="40"/>
      <c r="C58" s="40"/>
      <c r="D58" s="40"/>
      <c r="E58" s="40"/>
      <c r="F58" s="40"/>
      <c r="G58" s="40"/>
      <c r="H58" s="40"/>
      <c r="L58" s="40"/>
      <c r="M58" s="40"/>
      <c r="N58" s="40"/>
      <c r="O58" s="40"/>
      <c r="P58" s="40"/>
      <c r="Q58" s="40"/>
      <c r="R58" s="40"/>
      <c r="S58" s="40"/>
    </row>
    <row r="59" spans="2:19" ht="13.5">
      <c r="B59" s="40"/>
      <c r="C59" s="40"/>
      <c r="D59" s="40"/>
      <c r="E59" s="40"/>
      <c r="F59" s="40"/>
      <c r="G59" s="40"/>
      <c r="H59" s="40"/>
      <c r="L59" s="40"/>
      <c r="M59" s="40"/>
      <c r="N59" s="40"/>
      <c r="O59" s="40"/>
      <c r="P59" s="40"/>
      <c r="Q59" s="40"/>
      <c r="R59" s="40"/>
      <c r="S59" s="40"/>
    </row>
    <row r="60" spans="2:19" ht="13.5">
      <c r="B60" s="40"/>
      <c r="C60" s="40"/>
      <c r="D60" s="40"/>
      <c r="E60" s="40"/>
      <c r="F60" s="40"/>
      <c r="G60" s="40"/>
      <c r="H60" s="40"/>
      <c r="L60" s="40"/>
      <c r="M60" s="40"/>
      <c r="N60" s="40"/>
      <c r="O60" s="40"/>
      <c r="P60" s="40"/>
      <c r="Q60" s="40"/>
      <c r="R60" s="40"/>
      <c r="S60" s="40"/>
    </row>
    <row r="61" spans="2:19" ht="13.5">
      <c r="B61" s="40"/>
      <c r="C61" s="40"/>
      <c r="D61" s="40"/>
      <c r="E61" s="40"/>
      <c r="F61" s="40"/>
      <c r="G61" s="40"/>
      <c r="H61" s="40"/>
      <c r="L61" s="40"/>
      <c r="M61" s="40"/>
      <c r="N61" s="40"/>
      <c r="O61" s="40"/>
      <c r="P61" s="40"/>
      <c r="Q61" s="40"/>
      <c r="R61" s="40"/>
      <c r="S61" s="40"/>
    </row>
    <row r="62" spans="2:19" ht="13.5">
      <c r="B62" s="40"/>
      <c r="C62" s="40"/>
      <c r="D62" s="40"/>
      <c r="E62" s="40"/>
      <c r="F62" s="40"/>
      <c r="G62" s="40"/>
      <c r="H62" s="40"/>
      <c r="L62" s="40"/>
      <c r="M62" s="40"/>
      <c r="N62" s="40"/>
      <c r="O62" s="40"/>
      <c r="P62" s="40"/>
      <c r="Q62" s="40"/>
      <c r="R62" s="40"/>
      <c r="S62" s="40"/>
    </row>
    <row r="63" spans="2:19" ht="13.5">
      <c r="B63" s="40"/>
      <c r="C63" s="40"/>
      <c r="D63" s="40"/>
      <c r="E63" s="40"/>
      <c r="F63" s="40"/>
      <c r="G63" s="40"/>
      <c r="H63" s="40"/>
      <c r="L63" s="40"/>
      <c r="M63" s="40"/>
      <c r="N63" s="40"/>
      <c r="O63" s="40"/>
      <c r="P63" s="40"/>
      <c r="Q63" s="40"/>
      <c r="R63" s="40"/>
      <c r="S63" s="40"/>
    </row>
    <row r="64" spans="2:19" ht="13.5">
      <c r="B64" s="40"/>
      <c r="C64" s="40"/>
      <c r="D64" s="40"/>
      <c r="E64" s="40"/>
      <c r="F64" s="40"/>
      <c r="G64" s="40"/>
      <c r="H64" s="40"/>
      <c r="L64" s="40"/>
      <c r="M64" s="40"/>
      <c r="N64" s="40"/>
      <c r="O64" s="40"/>
      <c r="P64" s="40"/>
      <c r="Q64" s="40"/>
      <c r="R64" s="40"/>
      <c r="S64" s="40"/>
    </row>
    <row r="65" spans="2:19" ht="13.5">
      <c r="B65" s="40"/>
      <c r="C65" s="40"/>
      <c r="D65" s="40"/>
      <c r="E65" s="40"/>
      <c r="F65" s="40"/>
      <c r="G65" s="40"/>
      <c r="H65" s="40"/>
      <c r="L65" s="40"/>
      <c r="M65" s="40"/>
      <c r="N65" s="40"/>
      <c r="O65" s="40"/>
      <c r="P65" s="40"/>
      <c r="Q65" s="40"/>
      <c r="R65" s="40"/>
      <c r="S65" s="40"/>
    </row>
    <row r="66" spans="2:19" ht="13.5">
      <c r="B66" s="40"/>
      <c r="C66" s="40"/>
      <c r="D66" s="40"/>
      <c r="E66" s="40"/>
      <c r="F66" s="40"/>
      <c r="G66" s="40"/>
      <c r="H66" s="40"/>
      <c r="L66" s="40"/>
      <c r="M66" s="40"/>
      <c r="N66" s="40"/>
      <c r="O66" s="40"/>
      <c r="P66" s="40"/>
      <c r="Q66" s="40"/>
      <c r="R66" s="40"/>
      <c r="S66" s="40"/>
    </row>
    <row r="67" spans="2:19" ht="13.5">
      <c r="B67" s="40"/>
      <c r="C67" s="40"/>
      <c r="D67" s="40"/>
      <c r="E67" s="40"/>
      <c r="F67" s="40"/>
      <c r="G67" s="40"/>
      <c r="H67" s="40"/>
      <c r="L67" s="40"/>
      <c r="M67" s="40"/>
      <c r="N67" s="40"/>
      <c r="O67" s="40"/>
      <c r="P67" s="40"/>
      <c r="Q67" s="40"/>
      <c r="R67" s="40"/>
      <c r="S67" s="40"/>
    </row>
    <row r="68" spans="2:19" ht="13.5">
      <c r="B68" s="40"/>
      <c r="C68" s="40"/>
      <c r="D68" s="40"/>
      <c r="E68" s="40"/>
      <c r="F68" s="40"/>
      <c r="G68" s="40"/>
      <c r="H68" s="40"/>
      <c r="L68" s="40"/>
      <c r="M68" s="40"/>
      <c r="N68" s="40"/>
      <c r="O68" s="40"/>
      <c r="P68" s="40"/>
      <c r="Q68" s="40"/>
      <c r="R68" s="40"/>
      <c r="S68" s="40"/>
    </row>
    <row r="69" spans="2:19" ht="13.5">
      <c r="B69" s="40"/>
      <c r="C69" s="40"/>
      <c r="D69" s="40"/>
      <c r="E69" s="40"/>
      <c r="F69" s="40"/>
      <c r="G69" s="40"/>
      <c r="H69" s="40"/>
      <c r="L69" s="40"/>
      <c r="M69" s="40"/>
      <c r="N69" s="40"/>
      <c r="O69" s="40"/>
      <c r="P69" s="40"/>
      <c r="Q69" s="40"/>
      <c r="R69" s="40"/>
      <c r="S69" s="40"/>
    </row>
    <row r="70" spans="2:19" ht="13.5">
      <c r="B70" s="40"/>
      <c r="C70" s="40"/>
      <c r="D70" s="40"/>
      <c r="E70" s="40"/>
      <c r="F70" s="40"/>
      <c r="G70" s="40"/>
      <c r="H70" s="40"/>
      <c r="L70" s="40"/>
      <c r="M70" s="40"/>
      <c r="N70" s="40"/>
      <c r="O70" s="40"/>
      <c r="P70" s="40"/>
      <c r="Q70" s="40"/>
      <c r="R70" s="40"/>
      <c r="S70" s="40"/>
    </row>
    <row r="71" spans="2:19" ht="13.5">
      <c r="B71" s="40"/>
      <c r="C71" s="40"/>
      <c r="D71" s="40"/>
      <c r="E71" s="40"/>
      <c r="F71" s="40"/>
      <c r="G71" s="40"/>
      <c r="H71" s="40"/>
      <c r="L71" s="40"/>
      <c r="M71" s="40"/>
      <c r="N71" s="40"/>
      <c r="O71" s="40"/>
      <c r="P71" s="40"/>
      <c r="Q71" s="40"/>
      <c r="R71" s="40"/>
      <c r="S71" s="40"/>
    </row>
    <row r="72" spans="2:19" ht="13.5">
      <c r="B72" s="40"/>
      <c r="C72" s="40"/>
      <c r="D72" s="40"/>
      <c r="E72" s="40"/>
      <c r="F72" s="40"/>
      <c r="G72" s="40"/>
      <c r="H72" s="40"/>
      <c r="L72" s="40"/>
      <c r="M72" s="40"/>
      <c r="N72" s="40"/>
      <c r="O72" s="40"/>
      <c r="P72" s="40"/>
      <c r="Q72" s="40"/>
      <c r="R72" s="40"/>
      <c r="S72" s="40"/>
    </row>
    <row r="73" spans="2:19" ht="13.5">
      <c r="B73" s="40"/>
      <c r="C73" s="40"/>
      <c r="D73" s="40"/>
      <c r="E73" s="40"/>
      <c r="F73" s="40"/>
      <c r="G73" s="40"/>
      <c r="H73" s="40"/>
      <c r="L73" s="40"/>
      <c r="M73" s="40"/>
      <c r="N73" s="40"/>
      <c r="O73" s="40"/>
      <c r="P73" s="40"/>
      <c r="Q73" s="40"/>
      <c r="R73" s="40"/>
      <c r="S73" s="40"/>
    </row>
    <row r="74" spans="2:19" ht="13.5">
      <c r="B74" s="40"/>
      <c r="C74" s="40"/>
      <c r="D74" s="40"/>
      <c r="E74" s="40"/>
      <c r="F74" s="40"/>
      <c r="G74" s="40"/>
      <c r="H74" s="40"/>
      <c r="L74" s="40"/>
      <c r="M74" s="40"/>
      <c r="N74" s="40"/>
      <c r="O74" s="40"/>
      <c r="P74" s="40"/>
      <c r="Q74" s="40"/>
      <c r="R74" s="40"/>
      <c r="S74" s="40"/>
    </row>
    <row r="75" spans="2:19" ht="13.5">
      <c r="B75" s="40"/>
      <c r="C75" s="40"/>
      <c r="D75" s="40"/>
      <c r="E75" s="40"/>
      <c r="F75" s="40"/>
      <c r="G75" s="40"/>
      <c r="H75" s="40"/>
      <c r="L75" s="40"/>
      <c r="M75" s="40"/>
      <c r="N75" s="40"/>
      <c r="O75" s="40"/>
      <c r="P75" s="40"/>
      <c r="Q75" s="40"/>
      <c r="R75" s="40"/>
      <c r="S75" s="40"/>
    </row>
    <row r="76" spans="2:19" ht="13.5">
      <c r="B76" s="40"/>
      <c r="C76" s="40"/>
      <c r="D76" s="40"/>
      <c r="E76" s="40"/>
      <c r="F76" s="40"/>
      <c r="G76" s="40"/>
      <c r="H76" s="40"/>
      <c r="L76" s="40"/>
      <c r="M76" s="40"/>
      <c r="N76" s="40"/>
      <c r="O76" s="40"/>
      <c r="P76" s="40"/>
      <c r="Q76" s="40"/>
      <c r="R76" s="40"/>
      <c r="S76" s="40"/>
    </row>
    <row r="77" spans="2:19" ht="13.5">
      <c r="B77" s="40"/>
      <c r="C77" s="40"/>
      <c r="D77" s="40"/>
      <c r="E77" s="40"/>
      <c r="F77" s="40"/>
      <c r="G77" s="40"/>
      <c r="H77" s="40"/>
      <c r="L77" s="40"/>
      <c r="M77" s="40"/>
      <c r="N77" s="40"/>
      <c r="O77" s="40"/>
      <c r="P77" s="40"/>
      <c r="Q77" s="40"/>
      <c r="R77" s="40"/>
      <c r="S77" s="40"/>
    </row>
    <row r="78" spans="2:19" ht="13.5">
      <c r="B78" s="40"/>
      <c r="C78" s="40"/>
      <c r="D78" s="40"/>
      <c r="E78" s="40"/>
      <c r="F78" s="40"/>
      <c r="G78" s="40"/>
      <c r="H78" s="40"/>
      <c r="L78" s="40"/>
      <c r="M78" s="40"/>
      <c r="N78" s="40"/>
      <c r="O78" s="40"/>
      <c r="P78" s="40"/>
      <c r="Q78" s="40"/>
      <c r="R78" s="40"/>
      <c r="S78" s="40"/>
    </row>
    <row r="79" spans="2:19" ht="13.5">
      <c r="B79" s="40"/>
      <c r="C79" s="40"/>
      <c r="D79" s="40"/>
      <c r="E79" s="40"/>
      <c r="F79" s="40"/>
      <c r="G79" s="40"/>
      <c r="H79" s="40"/>
      <c r="L79" s="40"/>
      <c r="M79" s="40"/>
      <c r="N79" s="40"/>
      <c r="O79" s="40"/>
      <c r="P79" s="40"/>
      <c r="Q79" s="40"/>
      <c r="R79" s="40"/>
      <c r="S79" s="40"/>
    </row>
    <row r="80" spans="2:19" ht="13.5">
      <c r="B80" s="40"/>
      <c r="C80" s="40"/>
      <c r="D80" s="40"/>
      <c r="E80" s="40"/>
      <c r="F80" s="40"/>
      <c r="G80" s="40"/>
      <c r="H80" s="40"/>
      <c r="L80" s="40"/>
      <c r="M80" s="40"/>
      <c r="N80" s="40"/>
      <c r="O80" s="40"/>
      <c r="P80" s="40"/>
      <c r="Q80" s="40"/>
      <c r="R80" s="40"/>
      <c r="S80" s="40"/>
    </row>
    <row r="81" spans="2:19" ht="13.5">
      <c r="B81" s="40"/>
      <c r="C81" s="40"/>
      <c r="D81" s="40"/>
      <c r="E81" s="40"/>
      <c r="F81" s="40"/>
      <c r="G81" s="40"/>
      <c r="H81" s="40"/>
      <c r="L81" s="40"/>
      <c r="M81" s="40"/>
      <c r="N81" s="40"/>
      <c r="O81" s="40"/>
      <c r="P81" s="40"/>
      <c r="Q81" s="40"/>
      <c r="R81" s="40"/>
      <c r="S81" s="40"/>
    </row>
    <row r="82" spans="2:19" ht="13.5">
      <c r="B82" s="40"/>
      <c r="C82" s="40"/>
      <c r="D82" s="40"/>
      <c r="E82" s="40"/>
      <c r="F82" s="40"/>
      <c r="G82" s="40"/>
      <c r="H82" s="40"/>
      <c r="L82" s="40"/>
      <c r="M82" s="40"/>
      <c r="N82" s="40"/>
      <c r="O82" s="40"/>
      <c r="P82" s="40"/>
      <c r="Q82" s="40"/>
      <c r="R82" s="40"/>
      <c r="S82" s="40"/>
    </row>
    <row r="83" spans="2:19" ht="13.5">
      <c r="B83" s="40"/>
      <c r="C83" s="40"/>
      <c r="D83" s="40"/>
      <c r="E83" s="40"/>
      <c r="F83" s="40"/>
      <c r="G83" s="40"/>
      <c r="H83" s="40"/>
      <c r="L83" s="40"/>
      <c r="M83" s="40"/>
      <c r="N83" s="40"/>
      <c r="O83" s="40"/>
      <c r="P83" s="40"/>
      <c r="Q83" s="40"/>
      <c r="R83" s="40"/>
      <c r="S83" s="40"/>
    </row>
    <row r="84" spans="2:19" ht="13.5">
      <c r="B84" s="40"/>
      <c r="C84" s="40"/>
      <c r="D84" s="40"/>
      <c r="E84" s="40"/>
      <c r="F84" s="40"/>
      <c r="G84" s="40"/>
      <c r="H84" s="40"/>
      <c r="L84" s="40"/>
      <c r="M84" s="40"/>
      <c r="N84" s="40"/>
      <c r="O84" s="40"/>
      <c r="P84" s="40"/>
      <c r="Q84" s="40"/>
      <c r="R84" s="40"/>
      <c r="S84" s="40"/>
    </row>
    <row r="85" spans="2:19" ht="13.5">
      <c r="B85" s="40"/>
      <c r="C85" s="40"/>
      <c r="D85" s="40"/>
      <c r="E85" s="40"/>
      <c r="F85" s="40"/>
      <c r="G85" s="40"/>
      <c r="H85" s="40"/>
      <c r="L85" s="40"/>
      <c r="M85" s="40"/>
      <c r="N85" s="40"/>
      <c r="O85" s="40"/>
      <c r="P85" s="40"/>
      <c r="Q85" s="40"/>
      <c r="R85" s="40"/>
      <c r="S85" s="40"/>
    </row>
    <row r="86" spans="2:19" ht="13.5">
      <c r="B86" s="40"/>
      <c r="C86" s="40"/>
      <c r="D86" s="40"/>
      <c r="E86" s="40"/>
      <c r="F86" s="40"/>
      <c r="G86" s="40"/>
      <c r="H86" s="40"/>
      <c r="L86" s="40"/>
      <c r="M86" s="40"/>
      <c r="N86" s="40"/>
      <c r="O86" s="40"/>
      <c r="P86" s="40"/>
      <c r="Q86" s="40"/>
      <c r="R86" s="40"/>
      <c r="S86" s="40"/>
    </row>
    <row r="87" spans="2:19" ht="13.5">
      <c r="B87" s="40"/>
      <c r="C87" s="40"/>
      <c r="D87" s="40"/>
      <c r="E87" s="40"/>
      <c r="F87" s="40"/>
      <c r="G87" s="40"/>
      <c r="H87" s="40"/>
      <c r="L87" s="40"/>
      <c r="M87" s="40"/>
      <c r="N87" s="40"/>
      <c r="O87" s="40"/>
      <c r="P87" s="40"/>
      <c r="Q87" s="40"/>
      <c r="R87" s="40"/>
      <c r="S87" s="40"/>
    </row>
    <row r="88" spans="2:19" ht="13.5">
      <c r="B88" s="40"/>
      <c r="C88" s="40"/>
      <c r="D88" s="40"/>
      <c r="E88" s="40"/>
      <c r="F88" s="40"/>
      <c r="G88" s="40"/>
      <c r="H88" s="40"/>
      <c r="L88" s="40"/>
      <c r="M88" s="40"/>
      <c r="N88" s="40"/>
      <c r="O88" s="40"/>
      <c r="P88" s="40"/>
      <c r="Q88" s="40"/>
      <c r="R88" s="40"/>
      <c r="S88" s="40"/>
    </row>
    <row r="89" spans="2:19" ht="13.5">
      <c r="B89" s="40"/>
      <c r="C89" s="40"/>
      <c r="D89" s="40"/>
      <c r="E89" s="40"/>
      <c r="F89" s="40"/>
      <c r="G89" s="40"/>
      <c r="H89" s="40"/>
      <c r="L89" s="40"/>
      <c r="M89" s="40"/>
      <c r="N89" s="40"/>
      <c r="O89" s="40"/>
      <c r="P89" s="40"/>
      <c r="Q89" s="40"/>
      <c r="R89" s="40"/>
      <c r="S89" s="40"/>
    </row>
    <row r="90" spans="2:19" ht="13.5">
      <c r="B90" s="40"/>
      <c r="C90" s="40"/>
      <c r="D90" s="40"/>
      <c r="E90" s="40"/>
      <c r="F90" s="40"/>
      <c r="G90" s="40"/>
      <c r="H90" s="40"/>
      <c r="L90" s="40"/>
      <c r="M90" s="40"/>
      <c r="N90" s="40"/>
      <c r="O90" s="40"/>
      <c r="P90" s="40"/>
      <c r="Q90" s="40"/>
      <c r="R90" s="40"/>
      <c r="S90" s="40"/>
    </row>
    <row r="91" spans="2:19" ht="13.5">
      <c r="B91" s="40"/>
      <c r="C91" s="40"/>
      <c r="D91" s="40"/>
      <c r="E91" s="40"/>
      <c r="F91" s="40"/>
      <c r="G91" s="40"/>
      <c r="H91" s="40"/>
      <c r="L91" s="40"/>
      <c r="M91" s="40"/>
      <c r="N91" s="40"/>
      <c r="O91" s="40"/>
      <c r="P91" s="40"/>
      <c r="Q91" s="40"/>
      <c r="R91" s="40"/>
      <c r="S91" s="40"/>
    </row>
    <row r="92" spans="2:19" ht="13.5">
      <c r="B92" s="40"/>
      <c r="C92" s="40"/>
      <c r="D92" s="40"/>
      <c r="E92" s="40"/>
      <c r="F92" s="40"/>
      <c r="G92" s="40"/>
      <c r="H92" s="40"/>
      <c r="L92" s="40"/>
      <c r="M92" s="40"/>
      <c r="N92" s="40"/>
      <c r="O92" s="40"/>
      <c r="P92" s="40"/>
      <c r="Q92" s="40"/>
      <c r="R92" s="40"/>
      <c r="S92" s="40"/>
    </row>
    <row r="93" spans="2:19" ht="13.5">
      <c r="B93" s="40"/>
      <c r="C93" s="40"/>
      <c r="D93" s="40"/>
      <c r="E93" s="40"/>
      <c r="F93" s="40"/>
      <c r="G93" s="40"/>
      <c r="H93" s="40"/>
      <c r="L93" s="40"/>
      <c r="M93" s="40"/>
      <c r="N93" s="40"/>
      <c r="O93" s="40"/>
      <c r="P93" s="40"/>
      <c r="Q93" s="40"/>
      <c r="R93" s="40"/>
      <c r="S93" s="40"/>
    </row>
    <row r="94" spans="2:19" ht="13.5">
      <c r="B94" s="40"/>
      <c r="C94" s="40"/>
      <c r="D94" s="40"/>
      <c r="E94" s="40"/>
      <c r="F94" s="40"/>
      <c r="G94" s="40"/>
      <c r="H94" s="40"/>
      <c r="L94" s="40"/>
      <c r="M94" s="40"/>
      <c r="N94" s="40"/>
      <c r="O94" s="40"/>
      <c r="P94" s="40"/>
      <c r="Q94" s="40"/>
      <c r="R94" s="40"/>
      <c r="S94" s="40"/>
    </row>
    <row r="95" spans="2:19" ht="13.5">
      <c r="B95" s="40"/>
      <c r="C95" s="40"/>
      <c r="D95" s="40"/>
      <c r="E95" s="40"/>
      <c r="F95" s="40"/>
      <c r="G95" s="40"/>
      <c r="H95" s="40"/>
      <c r="L95" s="40"/>
      <c r="M95" s="40"/>
      <c r="N95" s="40"/>
      <c r="O95" s="40"/>
      <c r="P95" s="40"/>
      <c r="Q95" s="40"/>
      <c r="R95" s="40"/>
      <c r="S95" s="40"/>
    </row>
    <row r="96" spans="2:19" ht="13.5">
      <c r="B96" s="40"/>
      <c r="C96" s="40"/>
      <c r="D96" s="40"/>
      <c r="E96" s="40"/>
      <c r="F96" s="40"/>
      <c r="G96" s="40"/>
      <c r="H96" s="40"/>
      <c r="L96" s="40"/>
      <c r="M96" s="40"/>
      <c r="N96" s="40"/>
      <c r="O96" s="40"/>
      <c r="P96" s="40"/>
      <c r="Q96" s="40"/>
      <c r="R96" s="40"/>
      <c r="S96" s="40"/>
    </row>
    <row r="97" spans="2:19" ht="13.5">
      <c r="B97" s="40"/>
      <c r="C97" s="40"/>
      <c r="D97" s="40"/>
      <c r="E97" s="40"/>
      <c r="F97" s="40"/>
      <c r="G97" s="40"/>
      <c r="H97" s="40"/>
      <c r="L97" s="40"/>
      <c r="M97" s="40"/>
      <c r="N97" s="40"/>
      <c r="O97" s="40"/>
      <c r="P97" s="40"/>
      <c r="Q97" s="40"/>
      <c r="R97" s="40"/>
      <c r="S97" s="40"/>
    </row>
    <row r="98" spans="2:19" ht="13.5">
      <c r="B98" s="40"/>
      <c r="C98" s="40"/>
      <c r="D98" s="40"/>
      <c r="E98" s="40"/>
      <c r="F98" s="40"/>
      <c r="G98" s="40"/>
      <c r="H98" s="40"/>
      <c r="L98" s="40"/>
      <c r="M98" s="40"/>
      <c r="N98" s="40"/>
      <c r="O98" s="40"/>
      <c r="P98" s="40"/>
      <c r="Q98" s="40"/>
      <c r="R98" s="40"/>
      <c r="S98" s="40"/>
    </row>
    <row r="99" spans="2:19" ht="13.5">
      <c r="B99" s="40"/>
      <c r="C99" s="40"/>
      <c r="D99" s="40"/>
      <c r="E99" s="40"/>
      <c r="F99" s="40"/>
      <c r="G99" s="40"/>
      <c r="H99" s="40"/>
      <c r="L99" s="40"/>
      <c r="M99" s="40"/>
      <c r="N99" s="40"/>
      <c r="O99" s="40"/>
      <c r="P99" s="40"/>
      <c r="Q99" s="40"/>
      <c r="R99" s="40"/>
      <c r="S99" s="40"/>
    </row>
    <row r="100" spans="2:19" ht="13.5">
      <c r="B100" s="40"/>
      <c r="C100" s="40"/>
      <c r="D100" s="40"/>
      <c r="E100" s="40"/>
      <c r="F100" s="40"/>
      <c r="G100" s="40"/>
      <c r="H100" s="40"/>
      <c r="L100" s="40"/>
      <c r="M100" s="40"/>
      <c r="N100" s="40"/>
      <c r="O100" s="40"/>
      <c r="P100" s="40"/>
      <c r="Q100" s="40"/>
      <c r="R100" s="40"/>
      <c r="S100" s="40"/>
    </row>
    <row r="101" spans="2:19" ht="13.5">
      <c r="B101" s="40"/>
      <c r="C101" s="40"/>
      <c r="D101" s="40"/>
      <c r="E101" s="40"/>
      <c r="F101" s="40"/>
      <c r="G101" s="40"/>
      <c r="H101" s="40"/>
      <c r="L101" s="40"/>
      <c r="M101" s="40"/>
      <c r="N101" s="40"/>
      <c r="O101" s="40"/>
      <c r="P101" s="40"/>
      <c r="Q101" s="40"/>
      <c r="R101" s="40"/>
      <c r="S101" s="40"/>
    </row>
    <row r="102" spans="2:19" ht="13.5">
      <c r="B102" s="40"/>
      <c r="C102" s="40"/>
      <c r="D102" s="40"/>
      <c r="E102" s="40"/>
      <c r="F102" s="40"/>
      <c r="G102" s="40"/>
      <c r="H102" s="40"/>
      <c r="L102" s="40"/>
      <c r="M102" s="40"/>
      <c r="N102" s="40"/>
      <c r="O102" s="40"/>
      <c r="P102" s="40"/>
      <c r="Q102" s="40"/>
      <c r="R102" s="40"/>
      <c r="S102" s="40"/>
    </row>
    <row r="103" spans="2:19" ht="13.5">
      <c r="B103" s="40"/>
      <c r="C103" s="40"/>
      <c r="D103" s="40"/>
      <c r="E103" s="40"/>
      <c r="F103" s="40"/>
      <c r="G103" s="40"/>
      <c r="H103" s="40"/>
      <c r="L103" s="40"/>
      <c r="M103" s="40"/>
      <c r="N103" s="40"/>
      <c r="O103" s="40"/>
      <c r="P103" s="40"/>
      <c r="Q103" s="40"/>
      <c r="R103" s="40"/>
      <c r="S103" s="40"/>
    </row>
    <row r="104" spans="2:19" ht="13.5">
      <c r="B104" s="40"/>
      <c r="C104" s="40"/>
      <c r="D104" s="40"/>
      <c r="E104" s="40"/>
      <c r="F104" s="40"/>
      <c r="G104" s="40"/>
      <c r="H104" s="40"/>
      <c r="L104" s="40"/>
      <c r="M104" s="40"/>
      <c r="N104" s="40"/>
      <c r="O104" s="40"/>
      <c r="P104" s="40"/>
      <c r="Q104" s="40"/>
      <c r="R104" s="40"/>
      <c r="S104" s="40"/>
    </row>
    <row r="105" spans="2:19" ht="13.5">
      <c r="B105" s="40"/>
      <c r="C105" s="40"/>
      <c r="D105" s="40"/>
      <c r="E105" s="40"/>
      <c r="F105" s="40"/>
      <c r="G105" s="40"/>
      <c r="H105" s="40"/>
      <c r="L105" s="40"/>
      <c r="M105" s="40"/>
      <c r="N105" s="40"/>
      <c r="O105" s="40"/>
      <c r="P105" s="40"/>
      <c r="Q105" s="40"/>
      <c r="R105" s="40"/>
      <c r="S105" s="40"/>
    </row>
    <row r="106" spans="2:19" ht="13.5">
      <c r="B106" s="40"/>
      <c r="C106" s="40"/>
      <c r="D106" s="40"/>
      <c r="E106" s="40"/>
      <c r="F106" s="40"/>
      <c r="G106" s="40"/>
      <c r="H106" s="40"/>
      <c r="L106" s="40"/>
      <c r="M106" s="40"/>
      <c r="N106" s="40"/>
      <c r="O106" s="40"/>
      <c r="P106" s="40"/>
      <c r="Q106" s="40"/>
      <c r="R106" s="40"/>
      <c r="S106" s="40"/>
    </row>
    <row r="107" spans="2:19" ht="13.5">
      <c r="B107" s="40"/>
      <c r="C107" s="40"/>
      <c r="D107" s="40"/>
      <c r="E107" s="40"/>
      <c r="F107" s="40"/>
      <c r="G107" s="40"/>
      <c r="H107" s="40"/>
      <c r="L107" s="40"/>
      <c r="M107" s="40"/>
      <c r="N107" s="40"/>
      <c r="O107" s="40"/>
      <c r="P107" s="40"/>
      <c r="Q107" s="40"/>
      <c r="R107" s="40"/>
      <c r="S107" s="40"/>
    </row>
    <row r="108" spans="2:19" ht="13.5">
      <c r="B108" s="40"/>
      <c r="C108" s="40"/>
      <c r="D108" s="40"/>
      <c r="E108" s="40"/>
      <c r="F108" s="40"/>
      <c r="G108" s="40"/>
      <c r="H108" s="40"/>
      <c r="L108" s="40"/>
      <c r="M108" s="40"/>
      <c r="N108" s="40"/>
      <c r="O108" s="40"/>
      <c r="P108" s="40"/>
      <c r="Q108" s="40"/>
      <c r="R108" s="40"/>
      <c r="S108" s="40"/>
    </row>
    <row r="109" spans="2:19" ht="13.5">
      <c r="B109" s="40"/>
      <c r="C109" s="40"/>
      <c r="D109" s="40"/>
      <c r="E109" s="40"/>
      <c r="F109" s="40"/>
      <c r="G109" s="40"/>
      <c r="H109" s="40"/>
      <c r="L109" s="40"/>
      <c r="M109" s="40"/>
      <c r="N109" s="40"/>
      <c r="O109" s="40"/>
      <c r="P109" s="40"/>
      <c r="Q109" s="40"/>
      <c r="R109" s="40"/>
      <c r="S109" s="40"/>
    </row>
    <row r="110" spans="2:19" ht="13.5">
      <c r="B110" s="40"/>
      <c r="C110" s="40"/>
      <c r="D110" s="40"/>
      <c r="E110" s="40"/>
      <c r="F110" s="40"/>
      <c r="G110" s="40"/>
      <c r="H110" s="40"/>
      <c r="L110" s="40"/>
      <c r="M110" s="40"/>
      <c r="N110" s="40"/>
      <c r="O110" s="40"/>
      <c r="P110" s="40"/>
      <c r="Q110" s="40"/>
      <c r="R110" s="40"/>
      <c r="S110" s="40"/>
    </row>
    <row r="111" spans="2:19" ht="13.5">
      <c r="B111" s="40"/>
      <c r="C111" s="40"/>
      <c r="D111" s="40"/>
      <c r="E111" s="40"/>
      <c r="F111" s="40"/>
      <c r="G111" s="40"/>
      <c r="H111" s="40"/>
      <c r="L111" s="40"/>
      <c r="M111" s="40"/>
      <c r="N111" s="40"/>
      <c r="O111" s="40"/>
      <c r="P111" s="40"/>
      <c r="Q111" s="40"/>
      <c r="R111" s="40"/>
      <c r="S111" s="40"/>
    </row>
    <row r="112" spans="2:19" ht="13.5">
      <c r="B112" s="40"/>
      <c r="C112" s="40"/>
      <c r="D112" s="40"/>
      <c r="E112" s="40"/>
      <c r="F112" s="40"/>
      <c r="G112" s="40"/>
      <c r="H112" s="40"/>
      <c r="L112" s="40"/>
      <c r="M112" s="40"/>
      <c r="N112" s="40"/>
      <c r="O112" s="40"/>
      <c r="P112" s="40"/>
      <c r="Q112" s="40"/>
      <c r="R112" s="40"/>
      <c r="S112" s="40"/>
    </row>
    <row r="113" spans="2:19" ht="13.5">
      <c r="B113" s="40"/>
      <c r="C113" s="40"/>
      <c r="D113" s="40"/>
      <c r="E113" s="40"/>
      <c r="F113" s="40"/>
      <c r="G113" s="40"/>
      <c r="H113" s="40"/>
      <c r="L113" s="40"/>
      <c r="M113" s="40"/>
      <c r="N113" s="40"/>
      <c r="O113" s="40"/>
      <c r="P113" s="40"/>
      <c r="Q113" s="40"/>
      <c r="R113" s="40"/>
      <c r="S113" s="40"/>
    </row>
    <row r="114" spans="2:19" ht="13.5">
      <c r="B114" s="40"/>
      <c r="C114" s="40"/>
      <c r="D114" s="40"/>
      <c r="E114" s="40"/>
      <c r="F114" s="40"/>
      <c r="G114" s="40"/>
      <c r="H114" s="40"/>
      <c r="L114" s="40"/>
      <c r="M114" s="40"/>
      <c r="N114" s="40"/>
      <c r="O114" s="40"/>
      <c r="P114" s="40"/>
      <c r="Q114" s="40"/>
      <c r="R114" s="40"/>
      <c r="S114" s="40"/>
    </row>
    <row r="115" spans="2:19" ht="13.5">
      <c r="B115" s="40"/>
      <c r="C115" s="40"/>
      <c r="D115" s="40"/>
      <c r="E115" s="40"/>
      <c r="F115" s="40"/>
      <c r="G115" s="40"/>
      <c r="H115" s="40"/>
      <c r="L115" s="40"/>
      <c r="M115" s="40"/>
      <c r="N115" s="40"/>
      <c r="O115" s="40"/>
      <c r="P115" s="40"/>
      <c r="Q115" s="40"/>
      <c r="R115" s="40"/>
      <c r="S115" s="40"/>
    </row>
    <row r="116" spans="2:19" ht="13.5">
      <c r="B116" s="40"/>
      <c r="C116" s="40"/>
      <c r="D116" s="40"/>
      <c r="E116" s="40"/>
      <c r="F116" s="40"/>
      <c r="G116" s="40"/>
      <c r="H116" s="40"/>
      <c r="L116" s="40"/>
      <c r="M116" s="40"/>
      <c r="N116" s="40"/>
      <c r="O116" s="40"/>
      <c r="P116" s="40"/>
      <c r="Q116" s="40"/>
      <c r="R116" s="40"/>
      <c r="S116" s="40"/>
    </row>
    <row r="117" spans="2:19" ht="13.5">
      <c r="B117" s="40"/>
      <c r="C117" s="40"/>
      <c r="D117" s="40"/>
      <c r="E117" s="40"/>
      <c r="F117" s="40"/>
      <c r="G117" s="40"/>
      <c r="H117" s="40"/>
      <c r="L117" s="40"/>
      <c r="M117" s="40"/>
      <c r="N117" s="40"/>
      <c r="O117" s="40"/>
      <c r="P117" s="40"/>
      <c r="Q117" s="40"/>
      <c r="R117" s="40"/>
      <c r="S117" s="40"/>
    </row>
    <row r="118" spans="2:19" ht="13.5">
      <c r="B118" s="40"/>
      <c r="C118" s="40"/>
      <c r="D118" s="40"/>
      <c r="E118" s="40"/>
      <c r="F118" s="40"/>
      <c r="G118" s="40"/>
      <c r="H118" s="40"/>
      <c r="L118" s="40"/>
      <c r="M118" s="40"/>
      <c r="N118" s="40"/>
      <c r="O118" s="40"/>
      <c r="P118" s="40"/>
      <c r="Q118" s="40"/>
      <c r="R118" s="40"/>
      <c r="S118" s="40"/>
    </row>
    <row r="119" spans="2:19" ht="13.5">
      <c r="B119" s="40"/>
      <c r="C119" s="40"/>
      <c r="D119" s="40"/>
      <c r="E119" s="40"/>
      <c r="F119" s="40"/>
      <c r="G119" s="40"/>
      <c r="H119" s="40"/>
      <c r="L119" s="40"/>
      <c r="M119" s="40"/>
      <c r="N119" s="40"/>
      <c r="O119" s="40"/>
      <c r="P119" s="40"/>
      <c r="Q119" s="40"/>
      <c r="R119" s="40"/>
      <c r="S119" s="40"/>
    </row>
    <row r="120" spans="2:19" ht="13.5">
      <c r="B120" s="40"/>
      <c r="C120" s="40"/>
      <c r="D120" s="40"/>
      <c r="E120" s="40"/>
      <c r="F120" s="40"/>
      <c r="G120" s="40"/>
      <c r="H120" s="40"/>
      <c r="L120" s="40"/>
      <c r="M120" s="40"/>
      <c r="N120" s="40"/>
      <c r="O120" s="40"/>
      <c r="P120" s="40"/>
      <c r="Q120" s="40"/>
      <c r="R120" s="40"/>
      <c r="S120" s="40"/>
    </row>
    <row r="121" spans="2:19" ht="13.5">
      <c r="B121" s="40"/>
      <c r="C121" s="40"/>
      <c r="D121" s="40"/>
      <c r="E121" s="40"/>
      <c r="F121" s="40"/>
      <c r="G121" s="40"/>
      <c r="H121" s="40"/>
      <c r="L121" s="40"/>
      <c r="M121" s="40"/>
      <c r="N121" s="40"/>
      <c r="O121" s="40"/>
      <c r="P121" s="40"/>
      <c r="Q121" s="40"/>
      <c r="R121" s="40"/>
      <c r="S121" s="40"/>
    </row>
    <row r="122" spans="2:19" ht="13.5">
      <c r="B122" s="40"/>
      <c r="C122" s="40"/>
      <c r="D122" s="40"/>
      <c r="E122" s="40"/>
      <c r="F122" s="40"/>
      <c r="G122" s="40"/>
      <c r="H122" s="40"/>
      <c r="L122" s="40"/>
      <c r="M122" s="40"/>
      <c r="N122" s="40"/>
      <c r="O122" s="40"/>
      <c r="P122" s="40"/>
      <c r="Q122" s="40"/>
      <c r="R122" s="40"/>
      <c r="S122" s="40"/>
    </row>
    <row r="123" spans="2:19" ht="13.5">
      <c r="B123" s="40"/>
      <c r="C123" s="40"/>
      <c r="D123" s="40"/>
      <c r="E123" s="40"/>
      <c r="F123" s="40"/>
      <c r="G123" s="40"/>
      <c r="H123" s="40"/>
      <c r="L123" s="40"/>
      <c r="M123" s="40"/>
      <c r="N123" s="40"/>
      <c r="O123" s="40"/>
      <c r="P123" s="40"/>
      <c r="Q123" s="40"/>
      <c r="R123" s="40"/>
      <c r="S123" s="40"/>
    </row>
    <row r="124" spans="2:19" ht="13.5">
      <c r="B124" s="40"/>
      <c r="C124" s="40"/>
      <c r="D124" s="40"/>
      <c r="E124" s="40"/>
      <c r="F124" s="40"/>
      <c r="G124" s="40"/>
      <c r="H124" s="40"/>
      <c r="L124" s="40"/>
      <c r="M124" s="40"/>
      <c r="N124" s="40"/>
      <c r="O124" s="40"/>
      <c r="P124" s="40"/>
      <c r="Q124" s="40"/>
      <c r="R124" s="40"/>
      <c r="S124" s="40"/>
    </row>
    <row r="125" spans="2:19" ht="13.5">
      <c r="B125" s="40"/>
      <c r="C125" s="40"/>
      <c r="D125" s="40"/>
      <c r="E125" s="40"/>
      <c r="F125" s="40"/>
      <c r="G125" s="40"/>
      <c r="H125" s="40"/>
      <c r="L125" s="40"/>
      <c r="M125" s="40"/>
      <c r="N125" s="40"/>
      <c r="O125" s="40"/>
      <c r="P125" s="40"/>
      <c r="Q125" s="40"/>
      <c r="R125" s="40"/>
      <c r="S125" s="40"/>
    </row>
    <row r="126" spans="2:19" ht="13.5">
      <c r="B126" s="40"/>
      <c r="C126" s="40"/>
      <c r="D126" s="40"/>
      <c r="E126" s="40"/>
      <c r="F126" s="40"/>
      <c r="G126" s="40"/>
      <c r="H126" s="40"/>
      <c r="L126" s="40"/>
      <c r="M126" s="40"/>
      <c r="N126" s="40"/>
      <c r="O126" s="40"/>
      <c r="P126" s="40"/>
      <c r="Q126" s="40"/>
      <c r="R126" s="40"/>
      <c r="S126" s="40"/>
    </row>
    <row r="127" spans="2:19" ht="13.5">
      <c r="B127" s="40"/>
      <c r="C127" s="40"/>
      <c r="D127" s="40"/>
      <c r="E127" s="40"/>
      <c r="F127" s="40"/>
      <c r="G127" s="40"/>
      <c r="H127" s="40"/>
      <c r="L127" s="40"/>
      <c r="M127" s="40"/>
      <c r="N127" s="40"/>
      <c r="O127" s="40"/>
      <c r="P127" s="40"/>
      <c r="Q127" s="40"/>
      <c r="R127" s="40"/>
      <c r="S127" s="40"/>
    </row>
    <row r="128" spans="2:19" ht="13.5">
      <c r="B128" s="40"/>
      <c r="C128" s="40"/>
      <c r="D128" s="40"/>
      <c r="E128" s="40"/>
      <c r="F128" s="40"/>
      <c r="G128" s="40"/>
      <c r="H128" s="40"/>
      <c r="L128" s="40"/>
      <c r="M128" s="40"/>
      <c r="N128" s="40"/>
      <c r="O128" s="40"/>
      <c r="P128" s="40"/>
      <c r="Q128" s="40"/>
      <c r="R128" s="40"/>
      <c r="S128" s="40"/>
    </row>
    <row r="129" spans="2:19" ht="13.5">
      <c r="B129" s="40"/>
      <c r="C129" s="40"/>
      <c r="D129" s="40"/>
      <c r="E129" s="40"/>
      <c r="F129" s="40"/>
      <c r="G129" s="40"/>
      <c r="H129" s="40"/>
      <c r="L129" s="40"/>
      <c r="M129" s="40"/>
      <c r="N129" s="40"/>
      <c r="O129" s="40"/>
      <c r="P129" s="40"/>
      <c r="Q129" s="40"/>
      <c r="R129" s="40"/>
      <c r="S129" s="40"/>
    </row>
    <row r="130" spans="2:19" ht="13.5">
      <c r="B130" s="40"/>
      <c r="C130" s="40"/>
      <c r="D130" s="40"/>
      <c r="E130" s="40"/>
      <c r="F130" s="40"/>
      <c r="G130" s="40"/>
      <c r="H130" s="40"/>
      <c r="L130" s="40"/>
      <c r="M130" s="40"/>
      <c r="N130" s="40"/>
      <c r="O130" s="40"/>
      <c r="P130" s="40"/>
      <c r="Q130" s="40"/>
      <c r="R130" s="40"/>
      <c r="S130" s="40"/>
    </row>
    <row r="131" spans="2:19" ht="13.5">
      <c r="B131" s="40"/>
      <c r="C131" s="40"/>
      <c r="D131" s="40"/>
      <c r="E131" s="40"/>
      <c r="F131" s="40"/>
      <c r="G131" s="40"/>
      <c r="H131" s="40"/>
      <c r="L131" s="40"/>
      <c r="M131" s="40"/>
      <c r="N131" s="40"/>
      <c r="O131" s="40"/>
      <c r="P131" s="40"/>
      <c r="Q131" s="40"/>
      <c r="R131" s="40"/>
      <c r="S131" s="40"/>
    </row>
    <row r="132" spans="2:19" ht="13.5">
      <c r="B132" s="40"/>
      <c r="C132" s="40"/>
      <c r="D132" s="40"/>
      <c r="E132" s="40"/>
      <c r="F132" s="40"/>
      <c r="G132" s="40"/>
      <c r="H132" s="40"/>
      <c r="L132" s="40"/>
      <c r="M132" s="40"/>
      <c r="N132" s="40"/>
      <c r="O132" s="40"/>
      <c r="P132" s="40"/>
      <c r="Q132" s="40"/>
      <c r="R132" s="40"/>
      <c r="S132" s="40"/>
    </row>
    <row r="133" spans="2:19" ht="13.5">
      <c r="B133" s="40"/>
      <c r="C133" s="40"/>
      <c r="D133" s="40"/>
      <c r="E133" s="40"/>
      <c r="F133" s="40"/>
      <c r="G133" s="40"/>
      <c r="H133" s="40"/>
      <c r="L133" s="40"/>
      <c r="M133" s="40"/>
      <c r="N133" s="40"/>
      <c r="O133" s="40"/>
      <c r="P133" s="40"/>
      <c r="Q133" s="40"/>
      <c r="R133" s="40"/>
      <c r="S133" s="40"/>
    </row>
    <row r="134" spans="2:19" ht="13.5">
      <c r="B134" s="40"/>
      <c r="C134" s="40"/>
      <c r="D134" s="40"/>
      <c r="E134" s="40"/>
      <c r="F134" s="40"/>
      <c r="G134" s="40"/>
      <c r="H134" s="40"/>
      <c r="L134" s="40"/>
      <c r="M134" s="40"/>
      <c r="N134" s="40"/>
      <c r="O134" s="40"/>
      <c r="P134" s="40"/>
      <c r="Q134" s="40"/>
      <c r="R134" s="40"/>
      <c r="S134" s="40"/>
    </row>
    <row r="135" spans="2:19" ht="13.5">
      <c r="B135" s="40"/>
      <c r="C135" s="40"/>
      <c r="D135" s="40"/>
      <c r="E135" s="40"/>
      <c r="F135" s="40"/>
      <c r="G135" s="40"/>
      <c r="H135" s="40"/>
      <c r="L135" s="40"/>
      <c r="M135" s="40"/>
      <c r="N135" s="40"/>
      <c r="O135" s="40"/>
      <c r="P135" s="40"/>
      <c r="Q135" s="40"/>
      <c r="R135" s="40"/>
      <c r="S135" s="40"/>
    </row>
    <row r="136" spans="2:19" ht="13.5">
      <c r="B136" s="40"/>
      <c r="C136" s="40"/>
      <c r="D136" s="40"/>
      <c r="E136" s="40"/>
      <c r="F136" s="40"/>
      <c r="G136" s="40"/>
      <c r="H136" s="40"/>
      <c r="L136" s="40"/>
      <c r="M136" s="40"/>
      <c r="N136" s="40"/>
      <c r="O136" s="40"/>
      <c r="P136" s="40"/>
      <c r="Q136" s="40"/>
      <c r="R136" s="40"/>
      <c r="S136" s="40"/>
    </row>
    <row r="137" spans="2:19" ht="13.5">
      <c r="B137" s="40"/>
      <c r="C137" s="40"/>
      <c r="D137" s="40"/>
      <c r="E137" s="40"/>
      <c r="F137" s="40"/>
      <c r="G137" s="40"/>
      <c r="H137" s="40"/>
      <c r="L137" s="40"/>
      <c r="M137" s="40"/>
      <c r="N137" s="40"/>
      <c r="O137" s="40"/>
      <c r="P137" s="40"/>
      <c r="Q137" s="40"/>
      <c r="R137" s="40"/>
      <c r="S137" s="40"/>
    </row>
    <row r="138" spans="2:19" ht="13.5">
      <c r="B138" s="40"/>
      <c r="C138" s="40"/>
      <c r="D138" s="40"/>
      <c r="E138" s="40"/>
      <c r="F138" s="40"/>
      <c r="G138" s="40"/>
      <c r="H138" s="40"/>
      <c r="L138" s="40"/>
      <c r="M138" s="40"/>
      <c r="N138" s="40"/>
      <c r="O138" s="40"/>
      <c r="P138" s="40"/>
      <c r="Q138" s="40"/>
      <c r="R138" s="40"/>
      <c r="S138" s="40"/>
    </row>
    <row r="139" spans="2:19" ht="13.5">
      <c r="B139" s="40"/>
      <c r="C139" s="40"/>
      <c r="D139" s="40"/>
      <c r="E139" s="40"/>
      <c r="F139" s="40"/>
      <c r="G139" s="40"/>
      <c r="H139" s="40"/>
      <c r="L139" s="40"/>
      <c r="M139" s="40"/>
      <c r="N139" s="40"/>
      <c r="O139" s="40"/>
      <c r="P139" s="40"/>
      <c r="Q139" s="40"/>
      <c r="R139" s="40"/>
      <c r="S139" s="40"/>
    </row>
    <row r="140" spans="2:19" ht="13.5">
      <c r="B140" s="40"/>
      <c r="C140" s="40"/>
      <c r="D140" s="40"/>
      <c r="E140" s="40"/>
      <c r="F140" s="40"/>
      <c r="G140" s="40"/>
      <c r="H140" s="40"/>
      <c r="L140" s="40"/>
      <c r="M140" s="40"/>
      <c r="N140" s="40"/>
      <c r="O140" s="40"/>
      <c r="P140" s="40"/>
      <c r="Q140" s="40"/>
      <c r="R140" s="40"/>
      <c r="S140" s="40"/>
    </row>
    <row r="141" spans="2:19" ht="13.5">
      <c r="B141" s="40"/>
      <c r="C141" s="40"/>
      <c r="D141" s="40"/>
      <c r="E141" s="40"/>
      <c r="F141" s="40"/>
      <c r="G141" s="40"/>
      <c r="H141" s="40"/>
      <c r="L141" s="40"/>
      <c r="M141" s="40"/>
      <c r="N141" s="40"/>
      <c r="O141" s="40"/>
      <c r="P141" s="40"/>
      <c r="Q141" s="40"/>
      <c r="R141" s="40"/>
      <c r="S141" s="40"/>
    </row>
    <row r="142" spans="2:19" ht="13.5">
      <c r="B142" s="40"/>
      <c r="C142" s="40"/>
      <c r="D142" s="40"/>
      <c r="E142" s="40"/>
      <c r="F142" s="40"/>
      <c r="G142" s="40"/>
      <c r="H142" s="40"/>
      <c r="L142" s="40"/>
      <c r="M142" s="40"/>
      <c r="N142" s="40"/>
      <c r="O142" s="40"/>
      <c r="P142" s="40"/>
      <c r="Q142" s="40"/>
      <c r="R142" s="40"/>
      <c r="S142" s="40"/>
    </row>
    <row r="143" spans="2:19" ht="13.5">
      <c r="B143" s="40"/>
      <c r="C143" s="40"/>
      <c r="D143" s="40"/>
      <c r="E143" s="40"/>
      <c r="F143" s="40"/>
      <c r="G143" s="40"/>
      <c r="H143" s="40"/>
      <c r="L143" s="40"/>
      <c r="M143" s="40"/>
      <c r="N143" s="40"/>
      <c r="O143" s="40"/>
      <c r="P143" s="40"/>
      <c r="Q143" s="40"/>
      <c r="R143" s="40"/>
      <c r="S143" s="40"/>
    </row>
    <row r="144" spans="2:19" ht="13.5">
      <c r="B144" s="40"/>
      <c r="C144" s="40"/>
      <c r="D144" s="40"/>
      <c r="E144" s="40"/>
      <c r="F144" s="40"/>
      <c r="G144" s="40"/>
      <c r="H144" s="40"/>
      <c r="L144" s="40"/>
      <c r="M144" s="40"/>
      <c r="N144" s="40"/>
      <c r="O144" s="40"/>
      <c r="P144" s="40"/>
      <c r="Q144" s="40"/>
      <c r="R144" s="40"/>
      <c r="S144" s="40"/>
    </row>
    <row r="145" spans="2:19" ht="13.5">
      <c r="B145" s="40"/>
      <c r="C145" s="40"/>
      <c r="D145" s="40"/>
      <c r="E145" s="40"/>
      <c r="F145" s="40"/>
      <c r="G145" s="40"/>
      <c r="H145" s="40"/>
      <c r="L145" s="40"/>
      <c r="M145" s="40"/>
      <c r="N145" s="40"/>
      <c r="O145" s="40"/>
      <c r="P145" s="40"/>
      <c r="Q145" s="40"/>
      <c r="R145" s="40"/>
      <c r="S145" s="40"/>
    </row>
    <row r="146" spans="2:19" ht="13.5">
      <c r="B146" s="40"/>
      <c r="C146" s="40"/>
      <c r="D146" s="40"/>
      <c r="E146" s="40"/>
      <c r="F146" s="40"/>
      <c r="G146" s="40"/>
      <c r="H146" s="40"/>
      <c r="L146" s="40"/>
      <c r="M146" s="40"/>
      <c r="N146" s="40"/>
      <c r="O146" s="40"/>
      <c r="P146" s="40"/>
      <c r="Q146" s="40"/>
      <c r="R146" s="40"/>
      <c r="S146" s="40"/>
    </row>
    <row r="147" spans="2:19" ht="13.5">
      <c r="B147" s="40"/>
      <c r="C147" s="40"/>
      <c r="D147" s="40"/>
      <c r="E147" s="40"/>
      <c r="F147" s="40"/>
      <c r="G147" s="40"/>
      <c r="H147" s="40"/>
      <c r="L147" s="40"/>
      <c r="M147" s="40"/>
      <c r="N147" s="40"/>
      <c r="O147" s="40"/>
      <c r="P147" s="40"/>
      <c r="Q147" s="40"/>
      <c r="R147" s="40"/>
      <c r="S147" s="40"/>
    </row>
    <row r="148" spans="2:19" ht="13.5">
      <c r="B148" s="40"/>
      <c r="C148" s="40"/>
      <c r="D148" s="40"/>
      <c r="E148" s="40"/>
      <c r="F148" s="40"/>
      <c r="G148" s="40"/>
      <c r="H148" s="40"/>
      <c r="L148" s="40"/>
      <c r="M148" s="40"/>
      <c r="N148" s="40"/>
      <c r="O148" s="40"/>
      <c r="P148" s="40"/>
      <c r="Q148" s="40"/>
      <c r="R148" s="40"/>
      <c r="S148" s="40"/>
    </row>
    <row r="149" spans="2:19" ht="13.5">
      <c r="B149" s="40"/>
      <c r="C149" s="40"/>
      <c r="D149" s="40"/>
      <c r="E149" s="40"/>
      <c r="F149" s="40"/>
      <c r="G149" s="40"/>
      <c r="H149" s="40"/>
      <c r="L149" s="40"/>
      <c r="M149" s="40"/>
      <c r="N149" s="40"/>
      <c r="O149" s="40"/>
      <c r="P149" s="40"/>
      <c r="Q149" s="40"/>
      <c r="R149" s="40"/>
      <c r="S149" s="40"/>
    </row>
    <row r="150" spans="2:19" ht="13.5">
      <c r="B150" s="40"/>
      <c r="C150" s="40"/>
      <c r="D150" s="40"/>
      <c r="E150" s="40"/>
      <c r="F150" s="40"/>
      <c r="G150" s="40"/>
      <c r="H150" s="40"/>
      <c r="L150" s="40"/>
      <c r="M150" s="40"/>
      <c r="N150" s="40"/>
      <c r="O150" s="40"/>
      <c r="P150" s="40"/>
      <c r="Q150" s="40"/>
      <c r="R150" s="40"/>
      <c r="S150" s="40"/>
    </row>
    <row r="151" spans="2:19" ht="13.5">
      <c r="B151" s="40"/>
      <c r="C151" s="40"/>
      <c r="D151" s="40"/>
      <c r="E151" s="40"/>
      <c r="F151" s="40"/>
      <c r="G151" s="40"/>
      <c r="H151" s="40"/>
      <c r="L151" s="40"/>
      <c r="M151" s="40"/>
      <c r="N151" s="40"/>
      <c r="O151" s="40"/>
      <c r="P151" s="40"/>
      <c r="Q151" s="40"/>
      <c r="R151" s="40"/>
      <c r="S151" s="40"/>
    </row>
    <row r="152" spans="2:19" ht="13.5">
      <c r="B152" s="40"/>
      <c r="C152" s="40"/>
      <c r="D152" s="40"/>
      <c r="E152" s="40"/>
      <c r="F152" s="40"/>
      <c r="G152" s="40"/>
      <c r="H152" s="40"/>
      <c r="L152" s="40"/>
      <c r="M152" s="40"/>
      <c r="N152" s="40"/>
      <c r="O152" s="40"/>
      <c r="P152" s="40"/>
      <c r="Q152" s="40"/>
      <c r="R152" s="40"/>
      <c r="S152" s="40"/>
    </row>
    <row r="153" spans="2:19" ht="13.5">
      <c r="B153" s="40"/>
      <c r="C153" s="40"/>
      <c r="D153" s="40"/>
      <c r="E153" s="40"/>
      <c r="F153" s="40"/>
      <c r="G153" s="40"/>
      <c r="H153" s="40"/>
      <c r="L153" s="40"/>
      <c r="M153" s="40"/>
      <c r="N153" s="40"/>
      <c r="O153" s="40"/>
      <c r="P153" s="40"/>
      <c r="Q153" s="40"/>
      <c r="R153" s="40"/>
      <c r="S153" s="40"/>
    </row>
    <row r="154" spans="2:19" ht="13.5">
      <c r="B154" s="40"/>
      <c r="C154" s="40"/>
      <c r="D154" s="40"/>
      <c r="E154" s="40"/>
      <c r="F154" s="40"/>
      <c r="G154" s="40"/>
      <c r="H154" s="40"/>
      <c r="L154" s="40"/>
      <c r="M154" s="40"/>
      <c r="N154" s="40"/>
      <c r="O154" s="40"/>
      <c r="P154" s="40"/>
      <c r="Q154" s="40"/>
      <c r="R154" s="40"/>
      <c r="S154" s="40"/>
    </row>
    <row r="155" spans="2:19" ht="13.5">
      <c r="B155" s="40"/>
      <c r="C155" s="40"/>
      <c r="D155" s="40"/>
      <c r="E155" s="40"/>
      <c r="F155" s="40"/>
      <c r="G155" s="40"/>
      <c r="H155" s="40"/>
      <c r="L155" s="40"/>
      <c r="M155" s="40"/>
      <c r="N155" s="40"/>
      <c r="O155" s="40"/>
      <c r="P155" s="40"/>
      <c r="Q155" s="40"/>
      <c r="R155" s="40"/>
      <c r="S155" s="40"/>
    </row>
    <row r="156" spans="2:19" ht="13.5">
      <c r="B156" s="40"/>
      <c r="C156" s="40"/>
      <c r="D156" s="40"/>
      <c r="E156" s="40"/>
      <c r="F156" s="40"/>
      <c r="G156" s="40"/>
      <c r="H156" s="40"/>
      <c r="L156" s="40"/>
      <c r="M156" s="40"/>
      <c r="N156" s="40"/>
      <c r="O156" s="40"/>
      <c r="P156" s="40"/>
      <c r="Q156" s="40"/>
      <c r="R156" s="40"/>
      <c r="S156" s="40"/>
    </row>
    <row r="157" spans="2:19" ht="13.5">
      <c r="B157" s="40"/>
      <c r="C157" s="40"/>
      <c r="D157" s="40"/>
      <c r="E157" s="40"/>
      <c r="F157" s="40"/>
      <c r="G157" s="40"/>
      <c r="H157" s="40"/>
      <c r="L157" s="40"/>
      <c r="M157" s="40"/>
      <c r="N157" s="40"/>
      <c r="O157" s="40"/>
      <c r="P157" s="40"/>
      <c r="Q157" s="40"/>
      <c r="R157" s="40"/>
      <c r="S157" s="40"/>
    </row>
    <row r="158" spans="2:19" ht="13.5">
      <c r="B158" s="40"/>
      <c r="C158" s="40"/>
      <c r="D158" s="40"/>
      <c r="E158" s="40"/>
      <c r="F158" s="40"/>
      <c r="G158" s="40"/>
      <c r="H158" s="40"/>
      <c r="L158" s="40"/>
      <c r="M158" s="40"/>
      <c r="N158" s="40"/>
      <c r="O158" s="40"/>
      <c r="P158" s="40"/>
      <c r="Q158" s="40"/>
      <c r="R158" s="40"/>
      <c r="S158" s="40"/>
    </row>
    <row r="159" spans="2:19" ht="13.5">
      <c r="B159" s="40"/>
      <c r="C159" s="40"/>
      <c r="D159" s="40"/>
      <c r="E159" s="40"/>
      <c r="F159" s="40"/>
      <c r="G159" s="40"/>
      <c r="H159" s="40"/>
      <c r="L159" s="40"/>
      <c r="M159" s="40"/>
      <c r="N159" s="40"/>
      <c r="O159" s="40"/>
      <c r="P159" s="40"/>
      <c r="Q159" s="40"/>
      <c r="R159" s="40"/>
      <c r="S159" s="40"/>
    </row>
    <row r="160" spans="2:19" ht="13.5">
      <c r="B160" s="40"/>
      <c r="C160" s="40"/>
      <c r="D160" s="40"/>
      <c r="E160" s="40"/>
      <c r="F160" s="40"/>
      <c r="G160" s="40"/>
      <c r="H160" s="40"/>
      <c r="L160" s="40"/>
      <c r="M160" s="40"/>
      <c r="N160" s="40"/>
      <c r="O160" s="40"/>
      <c r="P160" s="40"/>
      <c r="Q160" s="40"/>
      <c r="R160" s="40"/>
      <c r="S160" s="40"/>
    </row>
    <row r="161" spans="2:19" ht="13.5">
      <c r="B161" s="40"/>
      <c r="C161" s="40"/>
      <c r="D161" s="40"/>
      <c r="E161" s="40"/>
      <c r="F161" s="40"/>
      <c r="G161" s="40"/>
      <c r="H161" s="40"/>
      <c r="L161" s="40"/>
      <c r="M161" s="40"/>
      <c r="N161" s="40"/>
      <c r="O161" s="40"/>
      <c r="P161" s="40"/>
      <c r="Q161" s="40"/>
      <c r="R161" s="40"/>
      <c r="S161" s="40"/>
    </row>
    <row r="162" spans="2:19" ht="13.5">
      <c r="B162" s="40"/>
      <c r="C162" s="40"/>
      <c r="D162" s="40"/>
      <c r="E162" s="40"/>
      <c r="F162" s="40"/>
      <c r="G162" s="40"/>
      <c r="H162" s="40"/>
      <c r="L162" s="40"/>
      <c r="M162" s="40"/>
      <c r="N162" s="40"/>
      <c r="O162" s="40"/>
      <c r="P162" s="40"/>
      <c r="Q162" s="40"/>
      <c r="R162" s="40"/>
      <c r="S162" s="40"/>
    </row>
    <row r="163" spans="2:19" ht="13.5">
      <c r="B163" s="40"/>
      <c r="C163" s="40"/>
      <c r="D163" s="40"/>
      <c r="E163" s="40"/>
      <c r="F163" s="40"/>
      <c r="G163" s="40"/>
      <c r="H163" s="40"/>
      <c r="L163" s="40"/>
      <c r="M163" s="40"/>
      <c r="N163" s="40"/>
      <c r="O163" s="40"/>
      <c r="P163" s="40"/>
      <c r="Q163" s="40"/>
      <c r="R163" s="40"/>
      <c r="S163" s="40"/>
    </row>
    <row r="164" spans="2:19" ht="13.5">
      <c r="B164" s="40"/>
      <c r="C164" s="40"/>
      <c r="D164" s="40"/>
      <c r="E164" s="40"/>
      <c r="F164" s="40"/>
      <c r="G164" s="40"/>
      <c r="H164" s="40"/>
      <c r="L164" s="40"/>
      <c r="M164" s="40"/>
      <c r="N164" s="40"/>
      <c r="O164" s="40"/>
      <c r="P164" s="40"/>
      <c r="Q164" s="40"/>
      <c r="R164" s="40"/>
      <c r="S164" s="40"/>
    </row>
    <row r="165" spans="2:19" ht="13.5">
      <c r="B165" s="40"/>
      <c r="C165" s="40"/>
      <c r="D165" s="40"/>
      <c r="E165" s="40"/>
      <c r="F165" s="40"/>
      <c r="G165" s="40"/>
      <c r="H165" s="40"/>
      <c r="L165" s="40"/>
      <c r="M165" s="40"/>
      <c r="N165" s="40"/>
      <c r="O165" s="40"/>
      <c r="P165" s="40"/>
      <c r="Q165" s="40"/>
      <c r="R165" s="40"/>
      <c r="S165" s="40"/>
    </row>
    <row r="166" spans="2:19" ht="13.5">
      <c r="B166" s="40"/>
      <c r="C166" s="40"/>
      <c r="D166" s="40"/>
      <c r="E166" s="40"/>
      <c r="F166" s="40"/>
      <c r="G166" s="40"/>
      <c r="H166" s="40"/>
      <c r="L166" s="40"/>
      <c r="M166" s="40"/>
      <c r="N166" s="40"/>
      <c r="O166" s="40"/>
      <c r="P166" s="40"/>
      <c r="Q166" s="40"/>
      <c r="R166" s="40"/>
      <c r="S166" s="40"/>
    </row>
    <row r="167" spans="2:19" ht="13.5">
      <c r="B167" s="40"/>
      <c r="C167" s="40"/>
      <c r="D167" s="40"/>
      <c r="E167" s="40"/>
      <c r="F167" s="40"/>
      <c r="G167" s="40"/>
      <c r="H167" s="40"/>
      <c r="L167" s="40"/>
      <c r="M167" s="40"/>
      <c r="N167" s="40"/>
      <c r="O167" s="40"/>
      <c r="P167" s="40"/>
      <c r="Q167" s="40"/>
      <c r="R167" s="40"/>
      <c r="S167" s="40"/>
    </row>
    <row r="168" spans="2:19" ht="13.5">
      <c r="B168" s="40"/>
      <c r="C168" s="40"/>
      <c r="D168" s="40"/>
      <c r="E168" s="40"/>
      <c r="F168" s="40"/>
      <c r="G168" s="40"/>
      <c r="H168" s="40"/>
      <c r="L168" s="40"/>
      <c r="M168" s="40"/>
      <c r="N168" s="40"/>
      <c r="O168" s="40"/>
      <c r="P168" s="40"/>
      <c r="Q168" s="40"/>
      <c r="R168" s="40"/>
      <c r="S168" s="40"/>
    </row>
    <row r="169" spans="2:19" ht="13.5">
      <c r="B169" s="40"/>
      <c r="C169" s="40"/>
      <c r="D169" s="40"/>
      <c r="E169" s="40"/>
      <c r="F169" s="40"/>
      <c r="G169" s="40"/>
      <c r="H169" s="40"/>
      <c r="L169" s="40"/>
      <c r="M169" s="40"/>
      <c r="N169" s="40"/>
      <c r="O169" s="40"/>
      <c r="P169" s="40"/>
      <c r="Q169" s="40"/>
      <c r="R169" s="40"/>
      <c r="S169" s="40"/>
    </row>
    <row r="170" spans="2:19" ht="13.5">
      <c r="B170" s="40"/>
      <c r="C170" s="40"/>
      <c r="D170" s="40"/>
      <c r="E170" s="40"/>
      <c r="F170" s="40"/>
      <c r="G170" s="40"/>
      <c r="H170" s="40"/>
      <c r="L170" s="40"/>
      <c r="M170" s="40"/>
      <c r="N170" s="40"/>
      <c r="O170" s="40"/>
      <c r="P170" s="40"/>
      <c r="Q170" s="40"/>
      <c r="R170" s="40"/>
      <c r="S170" s="40"/>
    </row>
    <row r="171" spans="2:19" ht="13.5">
      <c r="B171" s="40"/>
      <c r="C171" s="40"/>
      <c r="D171" s="40"/>
      <c r="E171" s="40"/>
      <c r="F171" s="40"/>
      <c r="G171" s="40"/>
      <c r="H171" s="40"/>
      <c r="L171" s="40"/>
      <c r="M171" s="40"/>
      <c r="N171" s="40"/>
      <c r="O171" s="40"/>
      <c r="P171" s="40"/>
      <c r="Q171" s="40"/>
      <c r="R171" s="40"/>
      <c r="S171" s="40"/>
    </row>
    <row r="172" spans="2:19" ht="13.5">
      <c r="B172" s="40"/>
      <c r="C172" s="40"/>
      <c r="D172" s="40"/>
      <c r="E172" s="40"/>
      <c r="F172" s="40"/>
      <c r="G172" s="40"/>
      <c r="H172" s="40"/>
      <c r="L172" s="40"/>
      <c r="M172" s="40"/>
      <c r="N172" s="40"/>
      <c r="O172" s="40"/>
      <c r="P172" s="40"/>
      <c r="Q172" s="40"/>
      <c r="R172" s="40"/>
      <c r="S172" s="40"/>
    </row>
    <row r="173" spans="2:19" ht="13.5">
      <c r="B173" s="40"/>
      <c r="C173" s="40"/>
      <c r="D173" s="40"/>
      <c r="E173" s="40"/>
      <c r="F173" s="40"/>
      <c r="G173" s="40"/>
      <c r="H173" s="40"/>
      <c r="L173" s="40"/>
      <c r="M173" s="40"/>
      <c r="N173" s="40"/>
      <c r="O173" s="40"/>
      <c r="P173" s="40"/>
      <c r="Q173" s="40"/>
      <c r="R173" s="40"/>
      <c r="S173" s="40"/>
    </row>
    <row r="174" spans="2:19" ht="13.5">
      <c r="B174" s="40"/>
      <c r="C174" s="40"/>
      <c r="D174" s="40"/>
      <c r="E174" s="40"/>
      <c r="F174" s="40"/>
      <c r="G174" s="40"/>
      <c r="H174" s="40"/>
      <c r="L174" s="40"/>
      <c r="M174" s="40"/>
      <c r="N174" s="40"/>
      <c r="O174" s="40"/>
      <c r="P174" s="40"/>
      <c r="Q174" s="40"/>
      <c r="R174" s="40"/>
      <c r="S174" s="40"/>
    </row>
    <row r="175" spans="2:19" ht="13.5">
      <c r="B175" s="40"/>
      <c r="C175" s="40"/>
      <c r="D175" s="40"/>
      <c r="E175" s="40"/>
      <c r="F175" s="40"/>
      <c r="G175" s="40"/>
      <c r="H175" s="40"/>
      <c r="L175" s="40"/>
      <c r="M175" s="40"/>
      <c r="N175" s="40"/>
      <c r="O175" s="40"/>
      <c r="P175" s="40"/>
      <c r="Q175" s="40"/>
      <c r="R175" s="40"/>
      <c r="S175" s="40"/>
    </row>
    <row r="176" spans="2:19" ht="13.5">
      <c r="B176" s="40"/>
      <c r="C176" s="40"/>
      <c r="D176" s="40"/>
      <c r="E176" s="40"/>
      <c r="F176" s="40"/>
      <c r="G176" s="40"/>
      <c r="H176" s="40"/>
      <c r="L176" s="40"/>
      <c r="M176" s="40"/>
      <c r="N176" s="40"/>
      <c r="O176" s="40"/>
      <c r="P176" s="40"/>
      <c r="Q176" s="40"/>
      <c r="R176" s="40"/>
      <c r="S176" s="40"/>
    </row>
    <row r="177" spans="2:19" ht="13.5">
      <c r="B177" s="40"/>
      <c r="C177" s="40"/>
      <c r="D177" s="40"/>
      <c r="E177" s="40"/>
      <c r="F177" s="40"/>
      <c r="G177" s="40"/>
      <c r="H177" s="40"/>
      <c r="L177" s="40"/>
      <c r="M177" s="40"/>
      <c r="N177" s="40"/>
      <c r="O177" s="40"/>
      <c r="P177" s="40"/>
      <c r="Q177" s="40"/>
      <c r="R177" s="40"/>
      <c r="S177" s="40"/>
    </row>
    <row r="178" spans="2:19" ht="13.5">
      <c r="B178" s="40"/>
      <c r="C178" s="40"/>
      <c r="D178" s="40"/>
      <c r="E178" s="40"/>
      <c r="F178" s="40"/>
      <c r="G178" s="40"/>
      <c r="H178" s="40"/>
      <c r="L178" s="40"/>
      <c r="M178" s="40"/>
      <c r="N178" s="40"/>
      <c r="O178" s="40"/>
      <c r="P178" s="40"/>
      <c r="Q178" s="40"/>
      <c r="R178" s="40"/>
      <c r="S178" s="40"/>
    </row>
    <row r="179" spans="2:19" ht="13.5">
      <c r="B179" s="40"/>
      <c r="C179" s="40"/>
      <c r="D179" s="40"/>
      <c r="E179" s="40"/>
      <c r="F179" s="40"/>
      <c r="G179" s="40"/>
      <c r="H179" s="40"/>
      <c r="L179" s="40"/>
      <c r="M179" s="40"/>
      <c r="N179" s="40"/>
      <c r="O179" s="40"/>
      <c r="P179" s="40"/>
      <c r="Q179" s="40"/>
      <c r="R179" s="40"/>
      <c r="S179" s="40"/>
    </row>
    <row r="180" spans="2:19" ht="13.5">
      <c r="B180" s="40"/>
      <c r="C180" s="40"/>
      <c r="D180" s="40"/>
      <c r="E180" s="40"/>
      <c r="F180" s="40"/>
      <c r="G180" s="40"/>
      <c r="H180" s="40"/>
      <c r="L180" s="40"/>
      <c r="M180" s="40"/>
      <c r="N180" s="40"/>
      <c r="O180" s="40"/>
      <c r="P180" s="40"/>
      <c r="Q180" s="40"/>
      <c r="R180" s="40"/>
      <c r="S180" s="40"/>
    </row>
    <row r="181" spans="2:19" ht="13.5">
      <c r="B181" s="40"/>
      <c r="C181" s="40"/>
      <c r="D181" s="40"/>
      <c r="E181" s="40"/>
      <c r="F181" s="40"/>
      <c r="G181" s="40"/>
      <c r="H181" s="40"/>
      <c r="L181" s="40"/>
      <c r="M181" s="40"/>
      <c r="N181" s="40"/>
      <c r="O181" s="40"/>
      <c r="P181" s="40"/>
      <c r="Q181" s="40"/>
      <c r="R181" s="40"/>
      <c r="S181" s="40"/>
    </row>
    <row r="182" spans="2:19" ht="13.5">
      <c r="B182" s="40"/>
      <c r="C182" s="40"/>
      <c r="D182" s="40"/>
      <c r="E182" s="40"/>
      <c r="F182" s="40"/>
      <c r="G182" s="40"/>
      <c r="H182" s="40"/>
      <c r="L182" s="40"/>
      <c r="M182" s="40"/>
      <c r="N182" s="40"/>
      <c r="O182" s="40"/>
      <c r="P182" s="40"/>
      <c r="Q182" s="40"/>
      <c r="R182" s="40"/>
      <c r="S182" s="40"/>
    </row>
    <row r="183" spans="2:19" ht="13.5">
      <c r="B183" s="40"/>
      <c r="C183" s="40"/>
      <c r="D183" s="40"/>
      <c r="E183" s="40"/>
      <c r="F183" s="40"/>
      <c r="G183" s="40"/>
      <c r="H183" s="40"/>
      <c r="L183" s="40"/>
      <c r="M183" s="40"/>
      <c r="N183" s="40"/>
      <c r="O183" s="40"/>
      <c r="P183" s="40"/>
      <c r="Q183" s="40"/>
      <c r="R183" s="40"/>
      <c r="S183" s="40"/>
    </row>
    <row r="184" spans="2:19" ht="13.5">
      <c r="B184" s="40"/>
      <c r="C184" s="40"/>
      <c r="D184" s="40"/>
      <c r="E184" s="40"/>
      <c r="F184" s="40"/>
      <c r="G184" s="40"/>
      <c r="H184" s="40"/>
      <c r="L184" s="40"/>
      <c r="M184" s="40"/>
      <c r="N184" s="40"/>
      <c r="O184" s="40"/>
      <c r="P184" s="40"/>
      <c r="Q184" s="40"/>
      <c r="R184" s="40"/>
      <c r="S184" s="40"/>
    </row>
    <row r="185" spans="2:19" ht="13.5">
      <c r="B185" s="40"/>
      <c r="C185" s="40"/>
      <c r="D185" s="40"/>
      <c r="E185" s="40"/>
      <c r="F185" s="40"/>
      <c r="G185" s="40"/>
      <c r="H185" s="40"/>
      <c r="L185" s="40"/>
      <c r="M185" s="40"/>
      <c r="N185" s="40"/>
      <c r="O185" s="40"/>
      <c r="P185" s="40"/>
      <c r="Q185" s="40"/>
      <c r="R185" s="40"/>
      <c r="S185" s="40"/>
    </row>
    <row r="186" spans="2:19" ht="13.5">
      <c r="B186" s="40"/>
      <c r="C186" s="40"/>
      <c r="D186" s="40"/>
      <c r="E186" s="40"/>
      <c r="F186" s="40"/>
      <c r="G186" s="40"/>
      <c r="H186" s="40"/>
      <c r="L186" s="40"/>
      <c r="M186" s="40"/>
      <c r="N186" s="40"/>
      <c r="O186" s="40"/>
      <c r="P186" s="40"/>
      <c r="Q186" s="40"/>
      <c r="R186" s="40"/>
      <c r="S186" s="40"/>
    </row>
    <row r="187" spans="2:19" ht="13.5">
      <c r="B187" s="40"/>
      <c r="C187" s="40"/>
      <c r="D187" s="40"/>
      <c r="E187" s="40"/>
      <c r="F187" s="40"/>
      <c r="G187" s="40"/>
      <c r="H187" s="40"/>
      <c r="L187" s="40"/>
      <c r="M187" s="40"/>
      <c r="N187" s="40"/>
      <c r="O187" s="40"/>
      <c r="P187" s="40"/>
      <c r="Q187" s="40"/>
      <c r="R187" s="40"/>
      <c r="S187" s="40"/>
    </row>
    <row r="188" spans="2:19" ht="13.5">
      <c r="B188" s="40"/>
      <c r="C188" s="40"/>
      <c r="D188" s="40"/>
      <c r="E188" s="40"/>
      <c r="F188" s="40"/>
      <c r="G188" s="40"/>
      <c r="H188" s="40"/>
      <c r="L188" s="40"/>
      <c r="M188" s="40"/>
      <c r="N188" s="40"/>
      <c r="O188" s="40"/>
      <c r="P188" s="40"/>
      <c r="Q188" s="40"/>
      <c r="R188" s="40"/>
      <c r="S188" s="40"/>
    </row>
    <row r="189" spans="2:19" ht="13.5">
      <c r="B189" s="40"/>
      <c r="C189" s="40"/>
      <c r="D189" s="40"/>
      <c r="E189" s="40"/>
      <c r="F189" s="40"/>
      <c r="G189" s="40"/>
      <c r="H189" s="40"/>
      <c r="L189" s="40"/>
      <c r="M189" s="40"/>
      <c r="N189" s="40"/>
      <c r="O189" s="40"/>
      <c r="P189" s="40"/>
      <c r="Q189" s="40"/>
      <c r="R189" s="40"/>
      <c r="S189" s="40"/>
    </row>
    <row r="190" spans="2:19" ht="13.5">
      <c r="B190" s="40"/>
      <c r="C190" s="40"/>
      <c r="D190" s="40"/>
      <c r="E190" s="40"/>
      <c r="F190" s="40"/>
      <c r="G190" s="40"/>
      <c r="H190" s="40"/>
      <c r="L190" s="40"/>
      <c r="M190" s="40"/>
      <c r="N190" s="40"/>
      <c r="O190" s="40"/>
      <c r="P190" s="40"/>
      <c r="Q190" s="40"/>
      <c r="R190" s="40"/>
      <c r="S190" s="40"/>
    </row>
    <row r="191" spans="2:19" ht="13.5">
      <c r="B191" s="40"/>
      <c r="C191" s="40"/>
      <c r="D191" s="40"/>
      <c r="E191" s="40"/>
      <c r="F191" s="40"/>
      <c r="G191" s="40"/>
      <c r="H191" s="40"/>
      <c r="L191" s="40"/>
      <c r="M191" s="40"/>
      <c r="N191" s="40"/>
      <c r="O191" s="40"/>
      <c r="P191" s="40"/>
      <c r="Q191" s="40"/>
      <c r="R191" s="40"/>
      <c r="S191" s="40"/>
    </row>
    <row r="192" spans="2:19" ht="13.5">
      <c r="B192" s="40"/>
      <c r="C192" s="40"/>
      <c r="D192" s="40"/>
      <c r="E192" s="40"/>
      <c r="F192" s="40"/>
      <c r="G192" s="40"/>
      <c r="H192" s="40"/>
      <c r="L192" s="40"/>
      <c r="M192" s="40"/>
      <c r="N192" s="40"/>
      <c r="O192" s="40"/>
      <c r="P192" s="40"/>
      <c r="Q192" s="40"/>
      <c r="R192" s="40"/>
      <c r="S192" s="40"/>
    </row>
    <row r="193" spans="2:19" ht="13.5">
      <c r="B193" s="40"/>
      <c r="C193" s="40"/>
      <c r="D193" s="40"/>
      <c r="E193" s="40"/>
      <c r="F193" s="40"/>
      <c r="G193" s="40"/>
      <c r="H193" s="40"/>
      <c r="L193" s="40"/>
      <c r="M193" s="40"/>
      <c r="N193" s="40"/>
      <c r="O193" s="40"/>
      <c r="P193" s="40"/>
      <c r="Q193" s="40"/>
      <c r="R193" s="40"/>
      <c r="S193" s="40"/>
    </row>
    <row r="194" spans="2:19" ht="13.5">
      <c r="B194" s="40"/>
      <c r="C194" s="40"/>
      <c r="D194" s="40"/>
      <c r="E194" s="40"/>
      <c r="F194" s="40"/>
      <c r="G194" s="40"/>
      <c r="H194" s="40"/>
      <c r="L194" s="40"/>
      <c r="M194" s="40"/>
      <c r="N194" s="40"/>
      <c r="O194" s="40"/>
      <c r="P194" s="40"/>
      <c r="Q194" s="40"/>
      <c r="R194" s="40"/>
      <c r="S194" s="40"/>
    </row>
    <row r="195" spans="2:19" ht="13.5">
      <c r="B195" s="40"/>
      <c r="C195" s="40"/>
      <c r="D195" s="40"/>
      <c r="E195" s="40"/>
      <c r="F195" s="40"/>
      <c r="G195" s="40"/>
      <c r="H195" s="40"/>
      <c r="L195" s="40"/>
      <c r="M195" s="40"/>
      <c r="N195" s="40"/>
      <c r="O195" s="40"/>
      <c r="P195" s="40"/>
      <c r="Q195" s="40"/>
      <c r="R195" s="40"/>
      <c r="S195" s="40"/>
    </row>
    <row r="196" spans="2:19" ht="13.5">
      <c r="B196" s="40"/>
      <c r="C196" s="40"/>
      <c r="D196" s="40"/>
      <c r="E196" s="40"/>
      <c r="F196" s="40"/>
      <c r="G196" s="40"/>
      <c r="H196" s="40"/>
      <c r="L196" s="40"/>
      <c r="M196" s="40"/>
      <c r="N196" s="40"/>
      <c r="O196" s="40"/>
      <c r="P196" s="40"/>
      <c r="Q196" s="40"/>
      <c r="R196" s="40"/>
      <c r="S196" s="40"/>
    </row>
    <row r="197" spans="2:19" ht="13.5">
      <c r="B197" s="40"/>
      <c r="C197" s="40"/>
      <c r="D197" s="40"/>
      <c r="E197" s="40"/>
      <c r="F197" s="40"/>
      <c r="G197" s="40"/>
      <c r="H197" s="40"/>
      <c r="L197" s="40"/>
      <c r="M197" s="40"/>
      <c r="N197" s="40"/>
      <c r="O197" s="40"/>
      <c r="P197" s="40"/>
      <c r="Q197" s="40"/>
      <c r="R197" s="40"/>
      <c r="S197" s="40"/>
    </row>
    <row r="198" spans="2:19" ht="13.5">
      <c r="B198" s="40"/>
      <c r="C198" s="40"/>
      <c r="D198" s="40"/>
      <c r="E198" s="40"/>
      <c r="F198" s="40"/>
      <c r="G198" s="40"/>
      <c r="H198" s="40"/>
      <c r="L198" s="40"/>
      <c r="M198" s="40"/>
      <c r="N198" s="40"/>
      <c r="O198" s="40"/>
      <c r="P198" s="40"/>
      <c r="Q198" s="40"/>
      <c r="R198" s="40"/>
      <c r="S198" s="40"/>
    </row>
    <row r="199" spans="2:19" ht="13.5">
      <c r="B199" s="40"/>
      <c r="C199" s="40"/>
      <c r="D199" s="40"/>
      <c r="E199" s="40"/>
      <c r="F199" s="40"/>
      <c r="G199" s="40"/>
      <c r="H199" s="40"/>
      <c r="L199" s="40"/>
      <c r="M199" s="40"/>
      <c r="N199" s="40"/>
      <c r="O199" s="40"/>
      <c r="P199" s="40"/>
      <c r="Q199" s="40"/>
      <c r="R199" s="40"/>
      <c r="S199" s="40"/>
    </row>
    <row r="200" spans="2:19" ht="13.5">
      <c r="B200" s="40"/>
      <c r="C200" s="40"/>
      <c r="D200" s="40"/>
      <c r="E200" s="40"/>
      <c r="F200" s="40"/>
      <c r="G200" s="40"/>
      <c r="H200" s="40"/>
      <c r="L200" s="40"/>
      <c r="M200" s="40"/>
      <c r="N200" s="40"/>
      <c r="O200" s="40"/>
      <c r="P200" s="40"/>
      <c r="Q200" s="40"/>
      <c r="R200" s="40"/>
      <c r="S200" s="40"/>
    </row>
    <row r="201" spans="2:19" ht="13.5">
      <c r="B201" s="40"/>
      <c r="C201" s="40"/>
      <c r="D201" s="40"/>
      <c r="E201" s="40"/>
      <c r="F201" s="40"/>
      <c r="G201" s="40"/>
      <c r="H201" s="40"/>
      <c r="L201" s="40"/>
      <c r="M201" s="40"/>
      <c r="N201" s="40"/>
      <c r="O201" s="40"/>
      <c r="P201" s="40"/>
      <c r="Q201" s="40"/>
      <c r="R201" s="40"/>
      <c r="S201" s="40"/>
    </row>
    <row r="202" spans="2:19" ht="13.5">
      <c r="B202" s="40"/>
      <c r="C202" s="40"/>
      <c r="D202" s="40"/>
      <c r="E202" s="40"/>
      <c r="F202" s="40"/>
      <c r="G202" s="40"/>
      <c r="H202" s="40"/>
      <c r="L202" s="40"/>
      <c r="M202" s="40"/>
      <c r="N202" s="40"/>
      <c r="O202" s="40"/>
      <c r="P202" s="40"/>
      <c r="Q202" s="40"/>
      <c r="R202" s="40"/>
      <c r="S202" s="40"/>
    </row>
    <row r="203" spans="2:19" ht="13.5">
      <c r="B203" s="40"/>
      <c r="C203" s="40"/>
      <c r="D203" s="40"/>
      <c r="E203" s="40"/>
      <c r="F203" s="40"/>
      <c r="G203" s="40"/>
      <c r="H203" s="40"/>
      <c r="L203" s="40"/>
      <c r="M203" s="40"/>
      <c r="N203" s="40"/>
      <c r="O203" s="40"/>
      <c r="P203" s="40"/>
      <c r="Q203" s="40"/>
      <c r="R203" s="40"/>
      <c r="S203" s="40"/>
    </row>
    <row r="204" spans="2:19" ht="13.5">
      <c r="B204" s="40"/>
      <c r="C204" s="40"/>
      <c r="D204" s="40"/>
      <c r="E204" s="40"/>
      <c r="F204" s="40"/>
      <c r="G204" s="40"/>
      <c r="H204" s="40"/>
      <c r="L204" s="40"/>
      <c r="M204" s="40"/>
      <c r="N204" s="40"/>
      <c r="O204" s="40"/>
      <c r="P204" s="40"/>
      <c r="Q204" s="40"/>
      <c r="R204" s="40"/>
      <c r="S204" s="40"/>
    </row>
    <row r="205" spans="2:19" ht="13.5">
      <c r="B205" s="40"/>
      <c r="C205" s="40"/>
      <c r="D205" s="40"/>
      <c r="E205" s="40"/>
      <c r="F205" s="40"/>
      <c r="G205" s="40"/>
      <c r="H205" s="40"/>
      <c r="L205" s="40"/>
      <c r="M205" s="40"/>
      <c r="N205" s="40"/>
      <c r="O205" s="40"/>
      <c r="P205" s="40"/>
      <c r="Q205" s="40"/>
      <c r="R205" s="40"/>
      <c r="S205" s="40"/>
    </row>
    <row r="206" spans="2:19" ht="13.5">
      <c r="B206" s="40"/>
      <c r="C206" s="40"/>
      <c r="D206" s="40"/>
      <c r="E206" s="40"/>
      <c r="F206" s="40"/>
      <c r="G206" s="40"/>
      <c r="H206" s="40"/>
      <c r="L206" s="40"/>
      <c r="M206" s="40"/>
      <c r="N206" s="40"/>
      <c r="O206" s="40"/>
      <c r="P206" s="40"/>
      <c r="Q206" s="40"/>
      <c r="R206" s="40"/>
      <c r="S206" s="40"/>
    </row>
    <row r="207" spans="2:19" ht="13.5">
      <c r="B207" s="40"/>
      <c r="C207" s="40"/>
      <c r="D207" s="40"/>
      <c r="E207" s="40"/>
      <c r="F207" s="40"/>
      <c r="G207" s="40"/>
      <c r="H207" s="40"/>
      <c r="L207" s="40"/>
      <c r="M207" s="40"/>
      <c r="N207" s="40"/>
      <c r="O207" s="40"/>
      <c r="P207" s="40"/>
      <c r="Q207" s="40"/>
      <c r="R207" s="40"/>
      <c r="S207" s="40"/>
    </row>
    <row r="208" spans="2:19" ht="13.5">
      <c r="B208" s="40"/>
      <c r="C208" s="40"/>
      <c r="D208" s="40"/>
      <c r="E208" s="40"/>
      <c r="F208" s="40"/>
      <c r="G208" s="40"/>
      <c r="H208" s="40"/>
      <c r="L208" s="40"/>
      <c r="M208" s="40"/>
      <c r="N208" s="40"/>
      <c r="O208" s="40"/>
      <c r="P208" s="40"/>
      <c r="Q208" s="40"/>
      <c r="R208" s="40"/>
      <c r="S208" s="40"/>
    </row>
    <row r="209" spans="2:19" ht="13.5">
      <c r="B209" s="40"/>
      <c r="C209" s="40"/>
      <c r="D209" s="40"/>
      <c r="E209" s="40"/>
      <c r="F209" s="40"/>
      <c r="G209" s="40"/>
      <c r="H209" s="40"/>
      <c r="L209" s="40"/>
      <c r="M209" s="40"/>
      <c r="N209" s="40"/>
      <c r="O209" s="40"/>
      <c r="P209" s="40"/>
      <c r="Q209" s="40"/>
      <c r="R209" s="40"/>
      <c r="S209" s="40"/>
    </row>
    <row r="210" spans="2:19" ht="13.5">
      <c r="B210" s="40"/>
      <c r="C210" s="40"/>
      <c r="D210" s="40"/>
      <c r="E210" s="40"/>
      <c r="F210" s="40"/>
      <c r="G210" s="40"/>
      <c r="H210" s="40"/>
      <c r="L210" s="40"/>
      <c r="M210" s="40"/>
      <c r="N210" s="40"/>
      <c r="O210" s="40"/>
      <c r="P210" s="40"/>
      <c r="Q210" s="40"/>
      <c r="R210" s="40"/>
      <c r="S210" s="40"/>
    </row>
    <row r="211" spans="2:19" ht="13.5">
      <c r="B211" s="40"/>
      <c r="C211" s="40"/>
      <c r="D211" s="40"/>
      <c r="E211" s="40"/>
      <c r="F211" s="40"/>
      <c r="G211" s="40"/>
      <c r="H211" s="40"/>
      <c r="L211" s="40"/>
      <c r="M211" s="40"/>
      <c r="N211" s="40"/>
      <c r="O211" s="40"/>
      <c r="P211" s="40"/>
      <c r="Q211" s="40"/>
      <c r="R211" s="40"/>
      <c r="S211" s="40"/>
    </row>
    <row r="212" spans="2:19" ht="13.5">
      <c r="B212" s="40"/>
      <c r="C212" s="40"/>
      <c r="D212" s="40"/>
      <c r="E212" s="40"/>
      <c r="F212" s="40"/>
      <c r="G212" s="40"/>
      <c r="H212" s="40"/>
      <c r="L212" s="40"/>
      <c r="M212" s="40"/>
      <c r="N212" s="40"/>
      <c r="O212" s="40"/>
      <c r="P212" s="40"/>
      <c r="Q212" s="40"/>
      <c r="R212" s="40"/>
      <c r="S212" s="40"/>
    </row>
    <row r="213" spans="2:19" ht="13.5">
      <c r="B213" s="40"/>
      <c r="C213" s="40"/>
      <c r="D213" s="40"/>
      <c r="E213" s="40"/>
      <c r="F213" s="40"/>
      <c r="G213" s="40"/>
      <c r="H213" s="40"/>
      <c r="L213" s="40"/>
      <c r="M213" s="40"/>
      <c r="N213" s="40"/>
      <c r="O213" s="40"/>
      <c r="P213" s="40"/>
      <c r="Q213" s="40"/>
      <c r="R213" s="40"/>
      <c r="S213" s="40"/>
    </row>
    <row r="214" spans="2:19" ht="13.5">
      <c r="B214" s="40"/>
      <c r="C214" s="40"/>
      <c r="D214" s="40"/>
      <c r="E214" s="40"/>
      <c r="F214" s="40"/>
      <c r="G214" s="40"/>
      <c r="H214" s="40"/>
      <c r="L214" s="40"/>
      <c r="M214" s="40"/>
      <c r="N214" s="40"/>
      <c r="O214" s="40"/>
      <c r="P214" s="40"/>
      <c r="Q214" s="40"/>
      <c r="R214" s="40"/>
      <c r="S214" s="40"/>
    </row>
    <row r="215" spans="2:19" ht="13.5">
      <c r="B215" s="40"/>
      <c r="C215" s="40"/>
      <c r="D215" s="40"/>
      <c r="E215" s="40"/>
      <c r="F215" s="40"/>
      <c r="G215" s="40"/>
      <c r="H215" s="40"/>
      <c r="L215" s="40"/>
      <c r="M215" s="40"/>
      <c r="N215" s="40"/>
      <c r="O215" s="40"/>
      <c r="P215" s="40"/>
      <c r="Q215" s="40"/>
      <c r="R215" s="40"/>
      <c r="S215" s="40"/>
    </row>
    <row r="216" spans="2:19" ht="13.5">
      <c r="B216" s="40"/>
      <c r="C216" s="40"/>
      <c r="D216" s="40"/>
      <c r="E216" s="40"/>
      <c r="F216" s="40"/>
      <c r="G216" s="40"/>
      <c r="H216" s="40"/>
      <c r="L216" s="40"/>
      <c r="M216" s="40"/>
      <c r="N216" s="40"/>
      <c r="O216" s="40"/>
      <c r="P216" s="40"/>
      <c r="Q216" s="40"/>
      <c r="R216" s="40"/>
      <c r="S216" s="40"/>
    </row>
    <row r="217" spans="2:19" ht="13.5">
      <c r="B217" s="40"/>
      <c r="C217" s="40"/>
      <c r="D217" s="40"/>
      <c r="E217" s="40"/>
      <c r="F217" s="40"/>
      <c r="G217" s="40"/>
      <c r="H217" s="40"/>
      <c r="L217" s="40"/>
      <c r="M217" s="40"/>
      <c r="N217" s="40"/>
      <c r="O217" s="40"/>
      <c r="P217" s="40"/>
      <c r="Q217" s="40"/>
      <c r="R217" s="40"/>
      <c r="S217" s="40"/>
    </row>
    <row r="218" spans="2:19" ht="13.5">
      <c r="B218" s="40"/>
      <c r="C218" s="40"/>
      <c r="D218" s="40"/>
      <c r="E218" s="40"/>
      <c r="F218" s="40"/>
      <c r="G218" s="40"/>
      <c r="H218" s="40"/>
      <c r="L218" s="40"/>
      <c r="M218" s="40"/>
      <c r="N218" s="40"/>
      <c r="O218" s="40"/>
      <c r="P218" s="40"/>
      <c r="Q218" s="40"/>
      <c r="R218" s="40"/>
      <c r="S218" s="40"/>
    </row>
    <row r="219" spans="2:19" ht="13.5">
      <c r="B219" s="40"/>
      <c r="C219" s="40"/>
      <c r="D219" s="40"/>
      <c r="E219" s="40"/>
      <c r="F219" s="40"/>
      <c r="G219" s="40"/>
      <c r="H219" s="40"/>
      <c r="L219" s="40"/>
      <c r="M219" s="40"/>
      <c r="N219" s="40"/>
      <c r="O219" s="40"/>
      <c r="P219" s="40"/>
      <c r="Q219" s="40"/>
      <c r="R219" s="40"/>
      <c r="S219" s="40"/>
    </row>
    <row r="220" spans="2:19" ht="13.5">
      <c r="B220" s="40"/>
      <c r="C220" s="40"/>
      <c r="D220" s="40"/>
      <c r="E220" s="40"/>
      <c r="F220" s="40"/>
      <c r="G220" s="40"/>
      <c r="H220" s="40"/>
      <c r="L220" s="40"/>
      <c r="M220" s="40"/>
      <c r="N220" s="40"/>
      <c r="O220" s="40"/>
      <c r="P220" s="40"/>
      <c r="Q220" s="40"/>
      <c r="R220" s="40"/>
      <c r="S220" s="40"/>
    </row>
    <row r="221" spans="2:19" ht="13.5">
      <c r="B221" s="40"/>
      <c r="C221" s="40"/>
      <c r="D221" s="40"/>
      <c r="E221" s="40"/>
      <c r="F221" s="40"/>
      <c r="G221" s="40"/>
      <c r="H221" s="40"/>
      <c r="L221" s="40"/>
      <c r="M221" s="40"/>
      <c r="N221" s="40"/>
      <c r="O221" s="40"/>
      <c r="P221" s="40"/>
      <c r="Q221" s="40"/>
      <c r="R221" s="40"/>
      <c r="S221" s="40"/>
    </row>
    <row r="222" spans="2:19" ht="13.5">
      <c r="B222" s="40"/>
      <c r="C222" s="40"/>
      <c r="D222" s="40"/>
      <c r="E222" s="40"/>
      <c r="F222" s="40"/>
      <c r="G222" s="40"/>
      <c r="H222" s="40"/>
      <c r="L222" s="40"/>
      <c r="M222" s="40"/>
      <c r="N222" s="40"/>
      <c r="O222" s="40"/>
      <c r="P222" s="40"/>
      <c r="Q222" s="40"/>
      <c r="R222" s="40"/>
      <c r="S222" s="40"/>
    </row>
    <row r="223" spans="2:19" ht="13.5">
      <c r="B223" s="40"/>
      <c r="C223" s="40"/>
      <c r="D223" s="40"/>
      <c r="E223" s="40"/>
      <c r="F223" s="40"/>
      <c r="G223" s="40"/>
      <c r="H223" s="40"/>
      <c r="L223" s="40"/>
      <c r="M223" s="40"/>
      <c r="N223" s="40"/>
      <c r="O223" s="40"/>
      <c r="P223" s="40"/>
      <c r="Q223" s="40"/>
      <c r="R223" s="40"/>
      <c r="S223" s="40"/>
    </row>
    <row r="224" spans="2:19" ht="13.5">
      <c r="B224" s="40"/>
      <c r="C224" s="40"/>
      <c r="D224" s="40"/>
      <c r="E224" s="40"/>
      <c r="F224" s="40"/>
      <c r="G224" s="40"/>
      <c r="H224" s="40"/>
      <c r="L224" s="40"/>
      <c r="M224" s="40"/>
      <c r="N224" s="40"/>
      <c r="O224" s="40"/>
      <c r="P224" s="40"/>
      <c r="Q224" s="40"/>
      <c r="R224" s="40"/>
      <c r="S224" s="40"/>
    </row>
    <row r="225" spans="2:19" ht="13.5">
      <c r="B225" s="40"/>
      <c r="C225" s="40"/>
      <c r="D225" s="40"/>
      <c r="E225" s="40"/>
      <c r="F225" s="40"/>
      <c r="G225" s="40"/>
      <c r="H225" s="40"/>
      <c r="L225" s="40"/>
      <c r="M225" s="40"/>
      <c r="N225" s="40"/>
      <c r="O225" s="40"/>
      <c r="P225" s="40"/>
      <c r="Q225" s="40"/>
      <c r="R225" s="40"/>
      <c r="S225" s="40"/>
    </row>
    <row r="226" spans="2:19" ht="13.5">
      <c r="B226" s="40"/>
      <c r="C226" s="40"/>
      <c r="D226" s="40"/>
      <c r="E226" s="40"/>
      <c r="F226" s="40"/>
      <c r="G226" s="40"/>
      <c r="H226" s="40"/>
      <c r="L226" s="40"/>
      <c r="M226" s="40"/>
      <c r="N226" s="40"/>
      <c r="O226" s="40"/>
      <c r="P226" s="40"/>
      <c r="Q226" s="40"/>
      <c r="R226" s="40"/>
      <c r="S226" s="40"/>
    </row>
    <row r="227" spans="2:19" ht="13.5">
      <c r="B227" s="40"/>
      <c r="C227" s="40"/>
      <c r="D227" s="40"/>
      <c r="E227" s="40"/>
      <c r="F227" s="40"/>
      <c r="G227" s="40"/>
      <c r="H227" s="40"/>
      <c r="L227" s="40"/>
      <c r="M227" s="40"/>
      <c r="N227" s="40"/>
      <c r="O227" s="40"/>
      <c r="P227" s="40"/>
      <c r="Q227" s="40"/>
      <c r="R227" s="40"/>
      <c r="S227" s="40"/>
    </row>
    <row r="228" spans="2:19" ht="13.5">
      <c r="B228" s="40"/>
      <c r="C228" s="40"/>
      <c r="D228" s="40"/>
      <c r="E228" s="40"/>
      <c r="F228" s="40"/>
      <c r="G228" s="40"/>
      <c r="H228" s="40"/>
      <c r="L228" s="40"/>
      <c r="M228" s="40"/>
      <c r="N228" s="40"/>
      <c r="O228" s="40"/>
      <c r="P228" s="40"/>
      <c r="Q228" s="40"/>
      <c r="R228" s="40"/>
      <c r="S228" s="40"/>
    </row>
    <row r="229" spans="2:19" ht="13.5">
      <c r="B229" s="40"/>
      <c r="C229" s="40"/>
      <c r="D229" s="40"/>
      <c r="E229" s="40"/>
      <c r="F229" s="40"/>
      <c r="G229" s="40"/>
      <c r="H229" s="40"/>
      <c r="L229" s="40"/>
      <c r="M229" s="40"/>
      <c r="N229" s="40"/>
      <c r="O229" s="40"/>
      <c r="P229" s="40"/>
      <c r="Q229" s="40"/>
      <c r="R229" s="40"/>
      <c r="S229" s="40"/>
    </row>
    <row r="230" spans="2:19" ht="13.5">
      <c r="B230" s="40"/>
      <c r="C230" s="40"/>
      <c r="D230" s="40"/>
      <c r="E230" s="40"/>
      <c r="F230" s="40"/>
      <c r="G230" s="40"/>
      <c r="H230" s="40"/>
      <c r="L230" s="40"/>
      <c r="M230" s="40"/>
      <c r="N230" s="40"/>
      <c r="O230" s="40"/>
      <c r="P230" s="40"/>
      <c r="Q230" s="40"/>
      <c r="R230" s="40"/>
      <c r="S230" s="40"/>
    </row>
    <row r="231" spans="2:19" ht="13.5">
      <c r="B231" s="40"/>
      <c r="C231" s="40"/>
      <c r="D231" s="40"/>
      <c r="E231" s="40"/>
      <c r="F231" s="40"/>
      <c r="G231" s="40"/>
      <c r="H231" s="40"/>
      <c r="L231" s="40"/>
      <c r="M231" s="40"/>
      <c r="N231" s="40"/>
      <c r="O231" s="40"/>
      <c r="P231" s="40"/>
      <c r="Q231" s="40"/>
      <c r="R231" s="40"/>
      <c r="S231" s="40"/>
    </row>
    <row r="232" spans="2:19" ht="13.5">
      <c r="B232" s="40"/>
      <c r="C232" s="40"/>
      <c r="D232" s="40"/>
      <c r="E232" s="40"/>
      <c r="F232" s="40"/>
      <c r="G232" s="40"/>
      <c r="H232" s="40"/>
      <c r="L232" s="40"/>
      <c r="M232" s="40"/>
      <c r="N232" s="40"/>
      <c r="O232" s="40"/>
      <c r="P232" s="40"/>
      <c r="Q232" s="40"/>
      <c r="R232" s="40"/>
      <c r="S232" s="40"/>
    </row>
    <row r="233" spans="2:19" ht="13.5">
      <c r="B233" s="40"/>
      <c r="C233" s="40"/>
      <c r="D233" s="40"/>
      <c r="E233" s="40"/>
      <c r="F233" s="40"/>
      <c r="G233" s="40"/>
      <c r="H233" s="40"/>
      <c r="L233" s="40"/>
      <c r="M233" s="40"/>
      <c r="N233" s="40"/>
      <c r="O233" s="40"/>
      <c r="P233" s="40"/>
      <c r="Q233" s="40"/>
      <c r="R233" s="40"/>
      <c r="S233" s="40"/>
    </row>
    <row r="234" spans="2:19" ht="13.5">
      <c r="B234" s="40"/>
      <c r="C234" s="40"/>
      <c r="D234" s="40"/>
      <c r="E234" s="40"/>
      <c r="F234" s="40"/>
      <c r="G234" s="40"/>
      <c r="H234" s="40"/>
      <c r="L234" s="40"/>
      <c r="M234" s="40"/>
      <c r="N234" s="40"/>
      <c r="O234" s="40"/>
      <c r="P234" s="40"/>
      <c r="Q234" s="40"/>
      <c r="R234" s="40"/>
      <c r="S234" s="40"/>
    </row>
    <row r="235" spans="2:19" ht="13.5">
      <c r="B235" s="40"/>
      <c r="C235" s="40"/>
      <c r="D235" s="40"/>
      <c r="E235" s="40"/>
      <c r="F235" s="40"/>
      <c r="G235" s="40"/>
      <c r="H235" s="40"/>
      <c r="L235" s="40"/>
      <c r="M235" s="40"/>
      <c r="N235" s="40"/>
      <c r="O235" s="40"/>
      <c r="P235" s="40"/>
      <c r="Q235" s="40"/>
      <c r="R235" s="40"/>
      <c r="S235" s="40"/>
    </row>
    <row r="236" spans="2:19" ht="13.5">
      <c r="B236" s="40"/>
      <c r="C236" s="40"/>
      <c r="D236" s="40"/>
      <c r="E236" s="40"/>
      <c r="F236" s="40"/>
      <c r="G236" s="40"/>
      <c r="H236" s="40"/>
      <c r="L236" s="40"/>
      <c r="M236" s="40"/>
      <c r="N236" s="40"/>
      <c r="O236" s="40"/>
      <c r="P236" s="40"/>
      <c r="Q236" s="40"/>
      <c r="R236" s="40"/>
      <c r="S236" s="40"/>
    </row>
    <row r="237" spans="2:19" ht="13.5">
      <c r="B237" s="40"/>
      <c r="C237" s="40"/>
      <c r="D237" s="40"/>
      <c r="E237" s="40"/>
      <c r="F237" s="40"/>
      <c r="G237" s="40"/>
      <c r="H237" s="40"/>
      <c r="L237" s="40"/>
      <c r="M237" s="40"/>
      <c r="N237" s="40"/>
      <c r="O237" s="40"/>
      <c r="P237" s="40"/>
      <c r="Q237" s="40"/>
      <c r="R237" s="40"/>
      <c r="S237" s="40"/>
    </row>
    <row r="238" spans="2:19" ht="13.5">
      <c r="B238" s="40"/>
      <c r="C238" s="40"/>
      <c r="D238" s="40"/>
      <c r="E238" s="40"/>
      <c r="F238" s="40"/>
      <c r="G238" s="40"/>
      <c r="H238" s="40"/>
      <c r="L238" s="40"/>
      <c r="M238" s="40"/>
      <c r="N238" s="40"/>
      <c r="O238" s="40"/>
      <c r="P238" s="40"/>
      <c r="Q238" s="40"/>
      <c r="R238" s="40"/>
      <c r="S238" s="40"/>
    </row>
    <row r="239" spans="2:19" ht="13.5">
      <c r="B239" s="40"/>
      <c r="C239" s="40"/>
      <c r="D239" s="40"/>
      <c r="E239" s="40"/>
      <c r="F239" s="40"/>
      <c r="G239" s="40"/>
      <c r="H239" s="40"/>
      <c r="L239" s="40"/>
      <c r="M239" s="40"/>
      <c r="N239" s="40"/>
      <c r="O239" s="40"/>
      <c r="P239" s="40"/>
      <c r="Q239" s="40"/>
      <c r="R239" s="40"/>
      <c r="S239" s="40"/>
    </row>
    <row r="240" spans="2:19" ht="13.5">
      <c r="B240" s="40"/>
      <c r="C240" s="40"/>
      <c r="D240" s="40"/>
      <c r="E240" s="40"/>
      <c r="F240" s="40"/>
      <c r="G240" s="40"/>
      <c r="H240" s="40"/>
      <c r="L240" s="40"/>
      <c r="M240" s="40"/>
      <c r="N240" s="40"/>
      <c r="O240" s="40"/>
      <c r="P240" s="40"/>
      <c r="Q240" s="40"/>
      <c r="R240" s="40"/>
      <c r="S240" s="40"/>
    </row>
    <row r="241" spans="2:19" ht="13.5">
      <c r="B241" s="40"/>
      <c r="C241" s="40"/>
      <c r="D241" s="40"/>
      <c r="E241" s="40"/>
      <c r="F241" s="40"/>
      <c r="G241" s="40"/>
      <c r="H241" s="40"/>
      <c r="L241" s="40"/>
      <c r="M241" s="40"/>
      <c r="N241" s="40"/>
      <c r="O241" s="40"/>
      <c r="P241" s="40"/>
      <c r="Q241" s="40"/>
      <c r="R241" s="40"/>
      <c r="S241" s="40"/>
    </row>
    <row r="242" spans="2:19" ht="13.5">
      <c r="B242" s="40"/>
      <c r="C242" s="40"/>
      <c r="D242" s="40"/>
      <c r="E242" s="40"/>
      <c r="F242" s="40"/>
      <c r="G242" s="40"/>
      <c r="H242" s="40"/>
      <c r="L242" s="40"/>
      <c r="M242" s="40"/>
      <c r="N242" s="40"/>
      <c r="O242" s="40"/>
      <c r="P242" s="40"/>
      <c r="Q242" s="40"/>
      <c r="R242" s="40"/>
      <c r="S242" s="40"/>
    </row>
    <row r="243" spans="2:19" ht="13.5">
      <c r="B243" s="40"/>
      <c r="C243" s="40"/>
      <c r="D243" s="40"/>
      <c r="E243" s="40"/>
      <c r="F243" s="40"/>
      <c r="G243" s="40"/>
      <c r="H243" s="40"/>
      <c r="L243" s="40"/>
      <c r="M243" s="40"/>
      <c r="N243" s="40"/>
      <c r="O243" s="40"/>
      <c r="P243" s="40"/>
      <c r="Q243" s="40"/>
      <c r="R243" s="40"/>
      <c r="S243" s="40"/>
    </row>
    <row r="244" spans="2:19" ht="13.5">
      <c r="B244" s="40"/>
      <c r="C244" s="40"/>
      <c r="D244" s="40"/>
      <c r="E244" s="40"/>
      <c r="F244" s="40"/>
      <c r="G244" s="40"/>
      <c r="H244" s="40"/>
      <c r="L244" s="40"/>
      <c r="M244" s="40"/>
      <c r="N244" s="40"/>
      <c r="O244" s="40"/>
      <c r="P244" s="40"/>
      <c r="Q244" s="40"/>
      <c r="R244" s="40"/>
      <c r="S244" s="40"/>
    </row>
    <row r="245" spans="2:19" ht="13.5">
      <c r="B245" s="40"/>
      <c r="C245" s="40"/>
      <c r="D245" s="40"/>
      <c r="E245" s="40"/>
      <c r="F245" s="40"/>
      <c r="G245" s="40"/>
      <c r="H245" s="40"/>
      <c r="L245" s="40"/>
      <c r="M245" s="40"/>
      <c r="N245" s="40"/>
      <c r="O245" s="40"/>
      <c r="P245" s="40"/>
      <c r="Q245" s="40"/>
      <c r="R245" s="40"/>
      <c r="S245" s="40"/>
    </row>
    <row r="246" spans="2:19" ht="13.5">
      <c r="B246" s="40"/>
      <c r="C246" s="40"/>
      <c r="D246" s="40"/>
      <c r="E246" s="40"/>
      <c r="F246" s="40"/>
      <c r="G246" s="40"/>
      <c r="H246" s="40"/>
      <c r="L246" s="40"/>
      <c r="M246" s="40"/>
      <c r="N246" s="40"/>
      <c r="O246" s="40"/>
      <c r="P246" s="40"/>
      <c r="Q246" s="40"/>
      <c r="R246" s="40"/>
      <c r="S246" s="40"/>
    </row>
    <row r="247" spans="2:19" ht="13.5">
      <c r="B247" s="40"/>
      <c r="C247" s="40"/>
      <c r="D247" s="40"/>
      <c r="E247" s="40"/>
      <c r="F247" s="40"/>
      <c r="G247" s="40"/>
      <c r="H247" s="40"/>
      <c r="L247" s="40"/>
      <c r="M247" s="40"/>
      <c r="N247" s="40"/>
      <c r="O247" s="40"/>
      <c r="P247" s="40"/>
      <c r="Q247" s="40"/>
      <c r="R247" s="40"/>
      <c r="S247" s="40"/>
    </row>
    <row r="248" spans="2:19" ht="13.5">
      <c r="B248" s="40"/>
      <c r="C248" s="40"/>
      <c r="D248" s="40"/>
      <c r="E248" s="40"/>
      <c r="F248" s="40"/>
      <c r="G248" s="40"/>
      <c r="H248" s="40"/>
      <c r="L248" s="40"/>
      <c r="M248" s="40"/>
      <c r="N248" s="40"/>
      <c r="O248" s="40"/>
      <c r="P248" s="40"/>
      <c r="Q248" s="40"/>
      <c r="R248" s="40"/>
      <c r="S248" s="40"/>
    </row>
    <row r="249" spans="2:19" ht="13.5">
      <c r="B249" s="40"/>
      <c r="C249" s="40"/>
      <c r="D249" s="40"/>
      <c r="E249" s="40"/>
      <c r="F249" s="40"/>
      <c r="G249" s="40"/>
      <c r="H249" s="40"/>
      <c r="L249" s="40"/>
      <c r="M249" s="40"/>
      <c r="N249" s="40"/>
      <c r="O249" s="40"/>
      <c r="P249" s="40"/>
      <c r="Q249" s="40"/>
      <c r="R249" s="40"/>
      <c r="S249" s="40"/>
    </row>
    <row r="250" spans="2:19" ht="13.5">
      <c r="B250" s="40"/>
      <c r="C250" s="40"/>
      <c r="D250" s="40"/>
      <c r="E250" s="40"/>
      <c r="F250" s="40"/>
      <c r="G250" s="40"/>
      <c r="H250" s="40"/>
      <c r="L250" s="40"/>
      <c r="M250" s="40"/>
      <c r="N250" s="40"/>
      <c r="O250" s="40"/>
      <c r="P250" s="40"/>
      <c r="Q250" s="40"/>
      <c r="R250" s="40"/>
      <c r="S250" s="40"/>
    </row>
    <row r="251" spans="2:19" ht="13.5">
      <c r="B251" s="40"/>
      <c r="C251" s="40"/>
      <c r="D251" s="40"/>
      <c r="E251" s="40"/>
      <c r="F251" s="40"/>
      <c r="G251" s="40"/>
      <c r="H251" s="40"/>
      <c r="L251" s="40"/>
      <c r="M251" s="40"/>
      <c r="N251" s="40"/>
      <c r="O251" s="40"/>
      <c r="P251" s="40"/>
      <c r="Q251" s="40"/>
      <c r="R251" s="40"/>
      <c r="S251" s="40"/>
    </row>
    <row r="252" spans="2:19" ht="13.5">
      <c r="B252" s="40"/>
      <c r="C252" s="40"/>
      <c r="D252" s="40"/>
      <c r="E252" s="40"/>
      <c r="F252" s="40"/>
      <c r="G252" s="40"/>
      <c r="H252" s="40"/>
      <c r="L252" s="40"/>
      <c r="M252" s="40"/>
      <c r="N252" s="40"/>
      <c r="O252" s="40"/>
      <c r="P252" s="40"/>
      <c r="Q252" s="40"/>
      <c r="R252" s="40"/>
      <c r="S252" s="40"/>
    </row>
    <row r="253" spans="2:19" ht="13.5">
      <c r="B253" s="40"/>
      <c r="C253" s="40"/>
      <c r="D253" s="40"/>
      <c r="E253" s="40"/>
      <c r="F253" s="40"/>
      <c r="G253" s="40"/>
      <c r="H253" s="40"/>
      <c r="L253" s="40"/>
      <c r="M253" s="40"/>
      <c r="N253" s="40"/>
      <c r="O253" s="40"/>
      <c r="P253" s="40"/>
      <c r="Q253" s="40"/>
      <c r="R253" s="40"/>
      <c r="S253" s="40"/>
    </row>
    <row r="254" spans="2:19" ht="13.5">
      <c r="B254" s="40"/>
      <c r="C254" s="40"/>
      <c r="D254" s="40"/>
      <c r="E254" s="40"/>
      <c r="F254" s="40"/>
      <c r="G254" s="40"/>
      <c r="H254" s="40"/>
      <c r="L254" s="40"/>
      <c r="M254" s="40"/>
      <c r="N254" s="40"/>
      <c r="O254" s="40"/>
      <c r="P254" s="40"/>
      <c r="Q254" s="40"/>
      <c r="R254" s="40"/>
      <c r="S254" s="40"/>
    </row>
    <row r="255" spans="2:19" ht="13.5">
      <c r="B255" s="40"/>
      <c r="C255" s="40"/>
      <c r="D255" s="40"/>
      <c r="E255" s="40"/>
      <c r="F255" s="40"/>
      <c r="G255" s="40"/>
      <c r="H255" s="40"/>
      <c r="L255" s="40"/>
      <c r="M255" s="40"/>
      <c r="N255" s="40"/>
      <c r="O255" s="40"/>
      <c r="P255" s="40"/>
      <c r="Q255" s="40"/>
      <c r="R255" s="40"/>
      <c r="S255" s="40"/>
    </row>
    <row r="256" spans="2:19" ht="13.5">
      <c r="B256" s="40"/>
      <c r="C256" s="40"/>
      <c r="D256" s="40"/>
      <c r="E256" s="40"/>
      <c r="F256" s="40"/>
      <c r="G256" s="40"/>
      <c r="H256" s="40"/>
      <c r="L256" s="40"/>
      <c r="M256" s="40"/>
      <c r="N256" s="40"/>
      <c r="O256" s="40"/>
      <c r="P256" s="40"/>
      <c r="Q256" s="40"/>
      <c r="R256" s="40"/>
      <c r="S256" s="40"/>
    </row>
    <row r="257" spans="2:19" ht="13.5">
      <c r="B257" s="40"/>
      <c r="C257" s="40"/>
      <c r="D257" s="40"/>
      <c r="E257" s="40"/>
      <c r="F257" s="40"/>
      <c r="G257" s="40"/>
      <c r="H257" s="40"/>
      <c r="L257" s="40"/>
      <c r="M257" s="40"/>
      <c r="N257" s="40"/>
      <c r="O257" s="40"/>
      <c r="P257" s="40"/>
      <c r="Q257" s="40"/>
      <c r="R257" s="40"/>
      <c r="S257" s="40"/>
    </row>
    <row r="258" spans="2:19" ht="13.5">
      <c r="B258" s="40"/>
      <c r="C258" s="40"/>
      <c r="D258" s="40"/>
      <c r="E258" s="40"/>
      <c r="F258" s="40"/>
      <c r="G258" s="40"/>
      <c r="H258" s="40"/>
      <c r="L258" s="40"/>
      <c r="M258" s="40"/>
      <c r="N258" s="40"/>
      <c r="O258" s="40"/>
      <c r="P258" s="40"/>
      <c r="Q258" s="40"/>
      <c r="R258" s="40"/>
      <c r="S258" s="40"/>
    </row>
    <row r="259" spans="2:19" ht="13.5">
      <c r="B259" s="40"/>
      <c r="C259" s="40"/>
      <c r="D259" s="40"/>
      <c r="E259" s="40"/>
      <c r="F259" s="40"/>
      <c r="G259" s="40"/>
      <c r="H259" s="40"/>
      <c r="L259" s="40"/>
      <c r="M259" s="40"/>
      <c r="N259" s="40"/>
      <c r="O259" s="40"/>
      <c r="P259" s="40"/>
      <c r="Q259" s="40"/>
      <c r="R259" s="40"/>
      <c r="S259" s="40"/>
    </row>
    <row r="260" spans="2:19" ht="13.5">
      <c r="B260" s="40"/>
      <c r="C260" s="40"/>
      <c r="D260" s="40"/>
      <c r="E260" s="40"/>
      <c r="F260" s="40"/>
      <c r="G260" s="40"/>
      <c r="H260" s="40"/>
      <c r="L260" s="40"/>
      <c r="M260" s="40"/>
      <c r="N260" s="40"/>
      <c r="O260" s="40"/>
      <c r="P260" s="40"/>
      <c r="Q260" s="40"/>
      <c r="R260" s="40"/>
      <c r="S260" s="40"/>
    </row>
    <row r="261" spans="2:19" ht="13.5">
      <c r="B261" s="40"/>
      <c r="C261" s="40"/>
      <c r="D261" s="40"/>
      <c r="E261" s="40"/>
      <c r="F261" s="40"/>
      <c r="G261" s="40"/>
      <c r="H261" s="40"/>
      <c r="L261" s="40"/>
      <c r="M261" s="40"/>
      <c r="N261" s="40"/>
      <c r="O261" s="40"/>
      <c r="P261" s="40"/>
      <c r="Q261" s="40"/>
      <c r="R261" s="40"/>
      <c r="S261" s="40"/>
    </row>
    <row r="262" spans="2:19" ht="13.5">
      <c r="B262" s="40"/>
      <c r="C262" s="40"/>
      <c r="D262" s="40"/>
      <c r="E262" s="40"/>
      <c r="F262" s="40"/>
      <c r="G262" s="40"/>
      <c r="H262" s="40"/>
      <c r="L262" s="40"/>
      <c r="M262" s="40"/>
      <c r="N262" s="40"/>
      <c r="O262" s="40"/>
      <c r="P262" s="40"/>
      <c r="Q262" s="40"/>
      <c r="R262" s="40"/>
      <c r="S262" s="40"/>
    </row>
    <row r="263" spans="2:19" ht="13.5">
      <c r="B263" s="40"/>
      <c r="C263" s="40"/>
      <c r="D263" s="40"/>
      <c r="E263" s="40"/>
      <c r="F263" s="40"/>
      <c r="G263" s="40"/>
      <c r="H263" s="40"/>
      <c r="L263" s="40"/>
      <c r="M263" s="40"/>
      <c r="N263" s="40"/>
      <c r="O263" s="40"/>
      <c r="P263" s="40"/>
      <c r="Q263" s="40"/>
      <c r="R263" s="40"/>
      <c r="S263" s="40"/>
    </row>
    <row r="264" spans="2:19" ht="13.5">
      <c r="B264" s="40"/>
      <c r="C264" s="40"/>
      <c r="D264" s="40"/>
      <c r="E264" s="40"/>
      <c r="F264" s="40"/>
      <c r="G264" s="40"/>
      <c r="H264" s="40"/>
      <c r="L264" s="40"/>
      <c r="M264" s="40"/>
      <c r="N264" s="40"/>
      <c r="O264" s="40"/>
      <c r="P264" s="40"/>
      <c r="Q264" s="40"/>
      <c r="R264" s="40"/>
      <c r="S264" s="40"/>
    </row>
    <row r="265" spans="2:19" ht="13.5">
      <c r="B265" s="40"/>
      <c r="C265" s="40"/>
      <c r="D265" s="40"/>
      <c r="E265" s="40"/>
      <c r="F265" s="40"/>
      <c r="G265" s="40"/>
      <c r="H265" s="40"/>
      <c r="L265" s="40"/>
      <c r="M265" s="40"/>
      <c r="N265" s="40"/>
      <c r="O265" s="40"/>
      <c r="P265" s="40"/>
      <c r="Q265" s="40"/>
      <c r="R265" s="40"/>
      <c r="S265" s="40"/>
    </row>
    <row r="266" spans="2:19" ht="13.5">
      <c r="B266" s="40"/>
      <c r="C266" s="40"/>
      <c r="D266" s="40"/>
      <c r="E266" s="40"/>
      <c r="F266" s="40"/>
      <c r="G266" s="40"/>
      <c r="H266" s="40"/>
      <c r="L266" s="40"/>
      <c r="M266" s="40"/>
      <c r="N266" s="40"/>
      <c r="O266" s="40"/>
      <c r="P266" s="40"/>
      <c r="Q266" s="40"/>
      <c r="R266" s="40"/>
      <c r="S266" s="40"/>
    </row>
    <row r="267" spans="2:19" ht="13.5">
      <c r="B267" s="40"/>
      <c r="C267" s="40"/>
      <c r="D267" s="40"/>
      <c r="E267" s="40"/>
      <c r="F267" s="40"/>
      <c r="G267" s="40"/>
      <c r="H267" s="40"/>
      <c r="L267" s="40"/>
      <c r="M267" s="40"/>
      <c r="N267" s="40"/>
      <c r="O267" s="40"/>
      <c r="P267" s="40"/>
      <c r="Q267" s="40"/>
      <c r="R267" s="40"/>
      <c r="S267" s="40"/>
    </row>
    <row r="268" spans="2:19" ht="13.5">
      <c r="B268" s="40"/>
      <c r="C268" s="40"/>
      <c r="D268" s="40"/>
      <c r="E268" s="40"/>
      <c r="F268" s="40"/>
      <c r="G268" s="40"/>
      <c r="H268" s="40"/>
      <c r="L268" s="40"/>
      <c r="M268" s="40"/>
      <c r="N268" s="40"/>
      <c r="O268" s="40"/>
      <c r="P268" s="40"/>
      <c r="Q268" s="40"/>
      <c r="R268" s="40"/>
      <c r="S268" s="40"/>
    </row>
    <row r="269" spans="2:19" ht="13.5">
      <c r="B269" s="40"/>
      <c r="C269" s="40"/>
      <c r="D269" s="40"/>
      <c r="E269" s="40"/>
      <c r="F269" s="40"/>
      <c r="G269" s="40"/>
      <c r="H269" s="40"/>
      <c r="L269" s="40"/>
      <c r="M269" s="40"/>
      <c r="N269" s="40"/>
      <c r="O269" s="40"/>
      <c r="P269" s="40"/>
      <c r="Q269" s="40"/>
      <c r="R269" s="40"/>
      <c r="S269" s="40"/>
    </row>
    <row r="270" spans="2:19" ht="13.5">
      <c r="B270" s="40"/>
      <c r="C270" s="40"/>
      <c r="D270" s="40"/>
      <c r="E270" s="40"/>
      <c r="F270" s="40"/>
      <c r="G270" s="40"/>
      <c r="H270" s="40"/>
      <c r="L270" s="40"/>
      <c r="M270" s="40"/>
      <c r="N270" s="40"/>
      <c r="O270" s="40"/>
      <c r="P270" s="40"/>
      <c r="Q270" s="40"/>
      <c r="R270" s="40"/>
      <c r="S270" s="40"/>
    </row>
    <row r="271" spans="2:19" ht="13.5">
      <c r="B271" s="40"/>
      <c r="C271" s="40"/>
      <c r="D271" s="40"/>
      <c r="E271" s="40"/>
      <c r="F271" s="40"/>
      <c r="G271" s="40"/>
      <c r="H271" s="40"/>
      <c r="L271" s="40"/>
      <c r="M271" s="40"/>
      <c r="N271" s="40"/>
      <c r="O271" s="40"/>
      <c r="P271" s="40"/>
      <c r="Q271" s="40"/>
      <c r="R271" s="40"/>
      <c r="S271" s="40"/>
    </row>
    <row r="272" spans="2:19" ht="13.5">
      <c r="B272" s="40"/>
      <c r="C272" s="40"/>
      <c r="D272" s="40"/>
      <c r="E272" s="40"/>
      <c r="F272" s="40"/>
      <c r="G272" s="40"/>
      <c r="H272" s="40"/>
      <c r="L272" s="40"/>
      <c r="M272" s="40"/>
      <c r="N272" s="40"/>
      <c r="O272" s="40"/>
      <c r="P272" s="40"/>
      <c r="Q272" s="40"/>
      <c r="R272" s="40"/>
      <c r="S272" s="40"/>
    </row>
    <row r="273" spans="2:19" ht="13.5">
      <c r="B273" s="40"/>
      <c r="C273" s="40"/>
      <c r="D273" s="40"/>
      <c r="E273" s="40"/>
      <c r="F273" s="40"/>
      <c r="G273" s="40"/>
      <c r="H273" s="40"/>
      <c r="L273" s="40"/>
      <c r="M273" s="40"/>
      <c r="N273" s="40"/>
      <c r="O273" s="40"/>
      <c r="P273" s="40"/>
      <c r="Q273" s="40"/>
      <c r="R273" s="40"/>
      <c r="S273" s="40"/>
    </row>
    <row r="274" spans="2:19" ht="13.5">
      <c r="B274" s="40"/>
      <c r="C274" s="40"/>
      <c r="D274" s="40"/>
      <c r="E274" s="40"/>
      <c r="F274" s="40"/>
      <c r="G274" s="40"/>
      <c r="H274" s="40"/>
      <c r="L274" s="40"/>
      <c r="M274" s="40"/>
      <c r="N274" s="40"/>
      <c r="O274" s="40"/>
      <c r="P274" s="40"/>
      <c r="Q274" s="40"/>
      <c r="R274" s="40"/>
      <c r="S274" s="40"/>
    </row>
    <row r="275" spans="2:19" ht="13.5">
      <c r="B275" s="40"/>
      <c r="C275" s="40"/>
      <c r="D275" s="40"/>
      <c r="E275" s="40"/>
      <c r="F275" s="40"/>
      <c r="G275" s="40"/>
      <c r="H275" s="40"/>
      <c r="L275" s="40"/>
      <c r="M275" s="40"/>
      <c r="N275" s="40"/>
      <c r="O275" s="40"/>
      <c r="P275" s="40"/>
      <c r="Q275" s="40"/>
      <c r="R275" s="40"/>
      <c r="S275" s="40"/>
    </row>
    <row r="276" spans="2:19" ht="13.5">
      <c r="B276" s="40"/>
      <c r="C276" s="40"/>
      <c r="D276" s="40"/>
      <c r="E276" s="40"/>
      <c r="F276" s="40"/>
      <c r="G276" s="40"/>
      <c r="H276" s="40"/>
      <c r="L276" s="40"/>
      <c r="M276" s="40"/>
      <c r="N276" s="40"/>
      <c r="O276" s="40"/>
      <c r="P276" s="40"/>
      <c r="Q276" s="40"/>
      <c r="R276" s="40"/>
      <c r="S276" s="40"/>
    </row>
    <row r="277" spans="2:19" ht="13.5">
      <c r="B277" s="40"/>
      <c r="C277" s="40"/>
      <c r="D277" s="40"/>
      <c r="E277" s="40"/>
      <c r="F277" s="40"/>
      <c r="G277" s="40"/>
      <c r="H277" s="40"/>
      <c r="L277" s="40"/>
      <c r="M277" s="40"/>
      <c r="N277" s="40"/>
      <c r="O277" s="40"/>
      <c r="P277" s="40"/>
      <c r="Q277" s="40"/>
      <c r="R277" s="40"/>
      <c r="S277" s="40"/>
    </row>
    <row r="278" spans="2:19" ht="13.5">
      <c r="B278" s="40"/>
      <c r="C278" s="40"/>
      <c r="D278" s="40"/>
      <c r="E278" s="40"/>
      <c r="F278" s="40"/>
      <c r="G278" s="40"/>
      <c r="H278" s="40"/>
      <c r="L278" s="40"/>
      <c r="M278" s="40"/>
      <c r="N278" s="40"/>
      <c r="O278" s="40"/>
      <c r="P278" s="40"/>
      <c r="Q278" s="40"/>
      <c r="R278" s="40"/>
      <c r="S278" s="40"/>
    </row>
    <row r="279" spans="2:19" ht="13.5">
      <c r="B279" s="40"/>
      <c r="C279" s="40"/>
      <c r="D279" s="40"/>
      <c r="E279" s="40"/>
      <c r="F279" s="40"/>
      <c r="G279" s="40"/>
      <c r="H279" s="40"/>
      <c r="L279" s="40"/>
      <c r="M279" s="40"/>
      <c r="N279" s="40"/>
      <c r="O279" s="40"/>
      <c r="P279" s="40"/>
      <c r="Q279" s="40"/>
      <c r="R279" s="40"/>
      <c r="S279" s="40"/>
    </row>
    <row r="280" spans="2:19" ht="13.5">
      <c r="B280" s="40"/>
      <c r="C280" s="40"/>
      <c r="D280" s="40"/>
      <c r="E280" s="40"/>
      <c r="F280" s="40"/>
      <c r="G280" s="40"/>
      <c r="H280" s="40"/>
      <c r="L280" s="40"/>
      <c r="M280" s="40"/>
      <c r="N280" s="40"/>
      <c r="O280" s="40"/>
      <c r="P280" s="40"/>
      <c r="Q280" s="40"/>
      <c r="R280" s="40"/>
      <c r="S280" s="40"/>
    </row>
    <row r="281" spans="2:19" ht="13.5">
      <c r="B281" s="40"/>
      <c r="C281" s="40"/>
      <c r="D281" s="40"/>
      <c r="E281" s="40"/>
      <c r="F281" s="40"/>
      <c r="G281" s="40"/>
      <c r="H281" s="40"/>
      <c r="L281" s="40"/>
      <c r="M281" s="40"/>
      <c r="N281" s="40"/>
      <c r="O281" s="40"/>
      <c r="P281" s="40"/>
      <c r="Q281" s="40"/>
      <c r="R281" s="40"/>
      <c r="S281" s="40"/>
    </row>
    <row r="282" spans="2:19" ht="13.5">
      <c r="B282" s="40"/>
      <c r="C282" s="40"/>
      <c r="D282" s="40"/>
      <c r="E282" s="40"/>
      <c r="F282" s="40"/>
      <c r="G282" s="40"/>
      <c r="H282" s="40"/>
      <c r="L282" s="40"/>
      <c r="M282" s="40"/>
      <c r="N282" s="40"/>
      <c r="O282" s="40"/>
      <c r="P282" s="40"/>
      <c r="Q282" s="40"/>
      <c r="R282" s="40"/>
      <c r="S282" s="40"/>
    </row>
    <row r="283" spans="2:19" ht="13.5">
      <c r="B283" s="40"/>
      <c r="C283" s="40"/>
      <c r="D283" s="40"/>
      <c r="E283" s="40"/>
      <c r="F283" s="40"/>
      <c r="G283" s="40"/>
      <c r="H283" s="40"/>
      <c r="L283" s="40"/>
      <c r="M283" s="40"/>
      <c r="N283" s="40"/>
      <c r="O283" s="40"/>
      <c r="P283" s="40"/>
      <c r="Q283" s="40"/>
      <c r="R283" s="40"/>
      <c r="S283" s="40"/>
    </row>
    <row r="284" spans="2:19" ht="13.5">
      <c r="B284" s="40"/>
      <c r="C284" s="40"/>
      <c r="D284" s="40"/>
      <c r="E284" s="40"/>
      <c r="F284" s="40"/>
      <c r="G284" s="40"/>
      <c r="H284" s="40"/>
      <c r="L284" s="40"/>
      <c r="M284" s="40"/>
      <c r="N284" s="40"/>
      <c r="O284" s="40"/>
      <c r="P284" s="40"/>
      <c r="Q284" s="40"/>
      <c r="R284" s="40"/>
      <c r="S284" s="40"/>
    </row>
    <row r="285" spans="2:19" ht="13.5">
      <c r="B285" s="40"/>
      <c r="C285" s="40"/>
      <c r="D285" s="40"/>
      <c r="E285" s="40"/>
      <c r="F285" s="40"/>
      <c r="G285" s="40"/>
      <c r="H285" s="40"/>
      <c r="L285" s="40"/>
      <c r="M285" s="40"/>
      <c r="N285" s="40"/>
      <c r="O285" s="40"/>
      <c r="P285" s="40"/>
      <c r="Q285" s="40"/>
      <c r="R285" s="40"/>
      <c r="S285" s="40"/>
    </row>
    <row r="286" spans="2:19" ht="13.5">
      <c r="B286" s="40"/>
      <c r="C286" s="40"/>
      <c r="D286" s="40"/>
      <c r="E286" s="40"/>
      <c r="F286" s="40"/>
      <c r="G286" s="40"/>
      <c r="H286" s="40"/>
      <c r="L286" s="40"/>
      <c r="M286" s="40"/>
      <c r="N286" s="40"/>
      <c r="O286" s="40"/>
      <c r="P286" s="40"/>
      <c r="Q286" s="40"/>
      <c r="R286" s="40"/>
      <c r="S286" s="40"/>
    </row>
    <row r="287" spans="2:19" ht="13.5">
      <c r="B287" s="40"/>
      <c r="C287" s="40"/>
      <c r="D287" s="40"/>
      <c r="E287" s="40"/>
      <c r="F287" s="40"/>
      <c r="G287" s="40"/>
      <c r="H287" s="40"/>
      <c r="L287" s="40"/>
      <c r="M287" s="40"/>
      <c r="N287" s="40"/>
      <c r="O287" s="40"/>
      <c r="P287" s="40"/>
      <c r="Q287" s="40"/>
      <c r="R287" s="40"/>
      <c r="S287" s="40"/>
    </row>
    <row r="288" spans="2:19" ht="13.5">
      <c r="B288" s="40"/>
      <c r="C288" s="40"/>
      <c r="D288" s="40"/>
      <c r="E288" s="40"/>
      <c r="F288" s="40"/>
      <c r="G288" s="40"/>
      <c r="H288" s="40"/>
      <c r="L288" s="40"/>
      <c r="M288" s="40"/>
      <c r="N288" s="40"/>
      <c r="O288" s="40"/>
      <c r="P288" s="40"/>
      <c r="Q288" s="40"/>
      <c r="R288" s="40"/>
      <c r="S288" s="40"/>
    </row>
    <row r="289" spans="2:19" ht="13.5">
      <c r="B289" s="40"/>
      <c r="C289" s="40"/>
      <c r="D289" s="40"/>
      <c r="E289" s="40"/>
      <c r="F289" s="40"/>
      <c r="G289" s="40"/>
      <c r="H289" s="40"/>
      <c r="L289" s="40"/>
      <c r="M289" s="40"/>
      <c r="N289" s="40"/>
      <c r="O289" s="40"/>
      <c r="P289" s="40"/>
      <c r="Q289" s="40"/>
      <c r="R289" s="40"/>
      <c r="S289" s="40"/>
    </row>
    <row r="290" spans="2:19" ht="13.5">
      <c r="B290" s="40"/>
      <c r="C290" s="40"/>
      <c r="D290" s="40"/>
      <c r="E290" s="40"/>
      <c r="F290" s="40"/>
      <c r="G290" s="40"/>
      <c r="H290" s="40"/>
      <c r="L290" s="40"/>
      <c r="M290" s="40"/>
      <c r="N290" s="40"/>
      <c r="O290" s="40"/>
      <c r="P290" s="40"/>
      <c r="Q290" s="40"/>
      <c r="R290" s="40"/>
      <c r="S290" s="40"/>
    </row>
    <row r="291" spans="2:19" ht="13.5">
      <c r="B291" s="40"/>
      <c r="C291" s="40"/>
      <c r="D291" s="40"/>
      <c r="E291" s="40"/>
      <c r="F291" s="40"/>
      <c r="G291" s="40"/>
      <c r="H291" s="40"/>
      <c r="L291" s="40"/>
      <c r="M291" s="40"/>
      <c r="N291" s="40"/>
      <c r="O291" s="40"/>
      <c r="P291" s="40"/>
      <c r="Q291" s="40"/>
      <c r="R291" s="40"/>
      <c r="S291" s="40"/>
    </row>
    <row r="292" spans="2:19" ht="13.5">
      <c r="B292" s="40"/>
      <c r="C292" s="40"/>
      <c r="D292" s="40"/>
      <c r="E292" s="40"/>
      <c r="F292" s="40"/>
      <c r="G292" s="40"/>
      <c r="H292" s="40"/>
      <c r="L292" s="40"/>
      <c r="M292" s="40"/>
      <c r="N292" s="40"/>
      <c r="O292" s="40"/>
      <c r="P292" s="40"/>
      <c r="Q292" s="40"/>
      <c r="R292" s="40"/>
      <c r="S292" s="40"/>
    </row>
    <row r="293" spans="2:19" ht="13.5">
      <c r="B293" s="40"/>
      <c r="C293" s="40"/>
      <c r="D293" s="40"/>
      <c r="E293" s="40"/>
      <c r="F293" s="40"/>
      <c r="G293" s="40"/>
      <c r="H293" s="40"/>
      <c r="L293" s="40"/>
      <c r="M293" s="40"/>
      <c r="N293" s="40"/>
      <c r="O293" s="40"/>
      <c r="P293" s="40"/>
      <c r="Q293" s="40"/>
      <c r="R293" s="40"/>
      <c r="S293" s="40"/>
    </row>
    <row r="294" spans="2:19" ht="13.5">
      <c r="B294" s="40"/>
      <c r="C294" s="40"/>
      <c r="D294" s="40"/>
      <c r="E294" s="40"/>
      <c r="F294" s="40"/>
      <c r="G294" s="40"/>
      <c r="H294" s="40"/>
      <c r="L294" s="40"/>
      <c r="M294" s="40"/>
      <c r="N294" s="40"/>
      <c r="O294" s="40"/>
      <c r="P294" s="40"/>
      <c r="Q294" s="40"/>
      <c r="R294" s="40"/>
      <c r="S294" s="40"/>
    </row>
    <row r="295" spans="2:19" ht="13.5">
      <c r="B295" s="40"/>
      <c r="C295" s="40"/>
      <c r="D295" s="40"/>
      <c r="E295" s="40"/>
      <c r="F295" s="40"/>
      <c r="G295" s="40"/>
      <c r="H295" s="40"/>
      <c r="L295" s="40"/>
      <c r="M295" s="40"/>
      <c r="N295" s="40"/>
      <c r="O295" s="40"/>
      <c r="P295" s="40"/>
      <c r="Q295" s="40"/>
      <c r="R295" s="40"/>
      <c r="S295" s="40"/>
    </row>
    <row r="296" spans="2:19" ht="13.5">
      <c r="B296" s="40"/>
      <c r="C296" s="40"/>
      <c r="D296" s="40"/>
      <c r="E296" s="40"/>
      <c r="F296" s="40"/>
      <c r="G296" s="40"/>
      <c r="H296" s="40"/>
      <c r="L296" s="40"/>
      <c r="M296" s="40"/>
      <c r="N296" s="40"/>
      <c r="O296" s="40"/>
      <c r="P296" s="40"/>
      <c r="Q296" s="40"/>
      <c r="R296" s="40"/>
      <c r="S296" s="40"/>
    </row>
    <row r="297" spans="2:19" ht="13.5">
      <c r="B297" s="40"/>
      <c r="C297" s="40"/>
      <c r="D297" s="40"/>
      <c r="E297" s="40"/>
      <c r="F297" s="40"/>
      <c r="G297" s="40"/>
      <c r="H297" s="40"/>
      <c r="L297" s="40"/>
      <c r="M297" s="40"/>
      <c r="N297" s="40"/>
      <c r="O297" s="40"/>
      <c r="P297" s="40"/>
      <c r="Q297" s="40"/>
      <c r="R297" s="40"/>
      <c r="S297" s="40"/>
    </row>
    <row r="298" spans="2:19" ht="13.5">
      <c r="B298" s="40"/>
      <c r="C298" s="40"/>
      <c r="D298" s="40"/>
      <c r="E298" s="40"/>
      <c r="F298" s="40"/>
      <c r="G298" s="40"/>
      <c r="H298" s="40"/>
      <c r="L298" s="40"/>
      <c r="M298" s="40"/>
      <c r="N298" s="40"/>
      <c r="O298" s="40"/>
      <c r="P298" s="40"/>
      <c r="Q298" s="40"/>
      <c r="R298" s="40"/>
      <c r="S298" s="40"/>
    </row>
    <row r="299" spans="2:19" ht="13.5">
      <c r="B299" s="40"/>
      <c r="C299" s="40"/>
      <c r="D299" s="40"/>
      <c r="E299" s="40"/>
      <c r="F299" s="40"/>
      <c r="G299" s="40"/>
      <c r="H299" s="40"/>
      <c r="L299" s="40"/>
      <c r="M299" s="40"/>
      <c r="N299" s="40"/>
      <c r="O299" s="40"/>
      <c r="P299" s="40"/>
      <c r="Q299" s="40"/>
      <c r="R299" s="40"/>
      <c r="S299" s="40"/>
    </row>
    <row r="300" spans="2:19" ht="13.5">
      <c r="B300" s="40"/>
      <c r="C300" s="40"/>
      <c r="D300" s="40"/>
      <c r="E300" s="40"/>
      <c r="F300" s="40"/>
      <c r="G300" s="40"/>
      <c r="H300" s="40"/>
      <c r="L300" s="40"/>
      <c r="M300" s="40"/>
      <c r="N300" s="40"/>
      <c r="O300" s="40"/>
      <c r="P300" s="40"/>
      <c r="Q300" s="40"/>
      <c r="R300" s="40"/>
      <c r="S300" s="40"/>
    </row>
    <row r="301" spans="2:19" ht="13.5">
      <c r="B301" s="40"/>
      <c r="C301" s="40"/>
      <c r="D301" s="40"/>
      <c r="E301" s="40"/>
      <c r="F301" s="40"/>
      <c r="G301" s="40"/>
      <c r="H301" s="40"/>
      <c r="L301" s="40"/>
      <c r="M301" s="40"/>
      <c r="N301" s="40"/>
      <c r="O301" s="40"/>
      <c r="P301" s="40"/>
      <c r="Q301" s="40"/>
      <c r="R301" s="40"/>
      <c r="S301" s="40"/>
    </row>
    <row r="302" spans="2:19" ht="13.5">
      <c r="B302" s="40"/>
      <c r="C302" s="40"/>
      <c r="D302" s="40"/>
      <c r="E302" s="40"/>
      <c r="F302" s="40"/>
      <c r="G302" s="40"/>
      <c r="H302" s="40"/>
      <c r="L302" s="40"/>
      <c r="M302" s="40"/>
      <c r="N302" s="40"/>
      <c r="O302" s="40"/>
      <c r="P302" s="40"/>
      <c r="Q302" s="40"/>
      <c r="R302" s="40"/>
      <c r="S302" s="40"/>
    </row>
    <row r="303" spans="2:19" ht="13.5">
      <c r="B303" s="40"/>
      <c r="C303" s="40"/>
      <c r="D303" s="40"/>
      <c r="E303" s="40"/>
      <c r="F303" s="40"/>
      <c r="G303" s="40"/>
      <c r="H303" s="40"/>
      <c r="L303" s="40"/>
      <c r="M303" s="40"/>
      <c r="N303" s="40"/>
      <c r="O303" s="40"/>
      <c r="P303" s="40"/>
      <c r="Q303" s="40"/>
      <c r="R303" s="40"/>
      <c r="S303" s="40"/>
    </row>
    <row r="304" spans="2:19" ht="13.5">
      <c r="B304" s="40"/>
      <c r="C304" s="40"/>
      <c r="D304" s="40"/>
      <c r="E304" s="40"/>
      <c r="F304" s="40"/>
      <c r="G304" s="40"/>
      <c r="H304" s="40"/>
      <c r="L304" s="40"/>
      <c r="M304" s="40"/>
      <c r="N304" s="40"/>
      <c r="O304" s="40"/>
      <c r="P304" s="40"/>
      <c r="Q304" s="40"/>
      <c r="R304" s="40"/>
      <c r="S304" s="40"/>
    </row>
    <row r="305" spans="2:19" ht="13.5">
      <c r="B305" s="40"/>
      <c r="C305" s="40"/>
      <c r="D305" s="40"/>
      <c r="E305" s="40"/>
      <c r="F305" s="40"/>
      <c r="G305" s="40"/>
      <c r="H305" s="40"/>
      <c r="L305" s="40"/>
      <c r="M305" s="40"/>
      <c r="N305" s="40"/>
      <c r="O305" s="40"/>
      <c r="P305" s="40"/>
      <c r="Q305" s="40"/>
      <c r="R305" s="40"/>
      <c r="S305" s="40"/>
    </row>
    <row r="306" spans="2:19" ht="13.5">
      <c r="B306" s="40"/>
      <c r="C306" s="40"/>
      <c r="D306" s="40"/>
      <c r="E306" s="40"/>
      <c r="F306" s="40"/>
      <c r="G306" s="40"/>
      <c r="H306" s="40"/>
      <c r="L306" s="40"/>
      <c r="M306" s="40"/>
      <c r="N306" s="40"/>
      <c r="O306" s="40"/>
      <c r="P306" s="40"/>
      <c r="Q306" s="40"/>
      <c r="R306" s="40"/>
      <c r="S306" s="40"/>
    </row>
    <row r="307" spans="2:19" ht="13.5">
      <c r="B307" s="40"/>
      <c r="C307" s="40"/>
      <c r="D307" s="40"/>
      <c r="E307" s="40"/>
      <c r="F307" s="40"/>
      <c r="G307" s="40"/>
      <c r="H307" s="40"/>
      <c r="L307" s="40"/>
      <c r="M307" s="40"/>
      <c r="N307" s="40"/>
      <c r="O307" s="40"/>
      <c r="P307" s="40"/>
      <c r="Q307" s="40"/>
      <c r="R307" s="40"/>
      <c r="S307" s="40"/>
    </row>
    <row r="308" spans="2:19" ht="13.5">
      <c r="B308" s="40"/>
      <c r="C308" s="40"/>
      <c r="D308" s="40"/>
      <c r="E308" s="40"/>
      <c r="F308" s="40"/>
      <c r="G308" s="40"/>
      <c r="H308" s="40"/>
      <c r="L308" s="40"/>
      <c r="M308" s="40"/>
      <c r="N308" s="40"/>
      <c r="O308" s="40"/>
      <c r="P308" s="40"/>
      <c r="Q308" s="40"/>
      <c r="R308" s="40"/>
      <c r="S308" s="40"/>
    </row>
    <row r="309" spans="2:19" ht="13.5">
      <c r="B309" s="40"/>
      <c r="C309" s="40"/>
      <c r="D309" s="40"/>
      <c r="E309" s="40"/>
      <c r="F309" s="40"/>
      <c r="G309" s="40"/>
      <c r="H309" s="40"/>
      <c r="L309" s="40"/>
      <c r="M309" s="40"/>
      <c r="N309" s="40"/>
      <c r="O309" s="40"/>
      <c r="P309" s="40"/>
      <c r="Q309" s="40"/>
      <c r="R309" s="40"/>
      <c r="S309" s="40"/>
    </row>
    <row r="310" spans="2:19" ht="13.5">
      <c r="B310" s="40"/>
      <c r="C310" s="40"/>
      <c r="D310" s="40"/>
      <c r="E310" s="40"/>
      <c r="F310" s="40"/>
      <c r="G310" s="40"/>
      <c r="H310" s="40"/>
      <c r="L310" s="40"/>
      <c r="M310" s="40"/>
      <c r="N310" s="40"/>
      <c r="O310" s="40"/>
      <c r="P310" s="40"/>
      <c r="Q310" s="40"/>
      <c r="R310" s="40"/>
      <c r="S310" s="40"/>
    </row>
    <row r="311" spans="2:19" ht="13.5">
      <c r="B311" s="40"/>
      <c r="C311" s="40"/>
      <c r="D311" s="40"/>
      <c r="E311" s="40"/>
      <c r="F311" s="40"/>
      <c r="G311" s="40"/>
      <c r="H311" s="40"/>
      <c r="L311" s="40"/>
      <c r="M311" s="40"/>
      <c r="N311" s="40"/>
      <c r="O311" s="40"/>
      <c r="P311" s="40"/>
      <c r="Q311" s="40"/>
      <c r="R311" s="40"/>
      <c r="S311" s="40"/>
    </row>
    <row r="312" spans="2:19" ht="13.5">
      <c r="B312" s="40"/>
      <c r="C312" s="40"/>
      <c r="D312" s="40"/>
      <c r="E312" s="40"/>
      <c r="F312" s="40"/>
      <c r="G312" s="40"/>
      <c r="H312" s="40"/>
      <c r="L312" s="40"/>
      <c r="M312" s="40"/>
      <c r="N312" s="40"/>
      <c r="O312" s="40"/>
      <c r="P312" s="40"/>
      <c r="Q312" s="40"/>
      <c r="R312" s="40"/>
      <c r="S312" s="40"/>
    </row>
    <row r="313" spans="2:19" ht="13.5">
      <c r="B313" s="40"/>
      <c r="C313" s="40"/>
      <c r="D313" s="40"/>
      <c r="E313" s="40"/>
      <c r="F313" s="40"/>
      <c r="G313" s="40"/>
      <c r="H313" s="40"/>
      <c r="L313" s="40"/>
      <c r="M313" s="40"/>
      <c r="N313" s="40"/>
      <c r="O313" s="40"/>
      <c r="P313" s="40"/>
      <c r="Q313" s="40"/>
      <c r="R313" s="40"/>
      <c r="S313" s="40"/>
    </row>
    <row r="314" spans="2:19" ht="13.5">
      <c r="B314" s="40"/>
      <c r="C314" s="40"/>
      <c r="D314" s="40"/>
      <c r="E314" s="40"/>
      <c r="F314" s="40"/>
      <c r="G314" s="40"/>
      <c r="H314" s="40"/>
      <c r="L314" s="40"/>
      <c r="M314" s="40"/>
      <c r="N314" s="40"/>
      <c r="O314" s="40"/>
      <c r="P314" s="40"/>
      <c r="Q314" s="40"/>
      <c r="R314" s="40"/>
      <c r="S314" s="40"/>
    </row>
    <row r="315" spans="2:19" ht="13.5">
      <c r="B315" s="40"/>
      <c r="C315" s="40"/>
      <c r="D315" s="40"/>
      <c r="E315" s="40"/>
      <c r="F315" s="40"/>
      <c r="G315" s="40"/>
      <c r="H315" s="40"/>
      <c r="L315" s="40"/>
      <c r="M315" s="40"/>
      <c r="N315" s="40"/>
      <c r="O315" s="40"/>
      <c r="P315" s="40"/>
      <c r="Q315" s="40"/>
      <c r="R315" s="40"/>
      <c r="S315" s="40"/>
    </row>
    <row r="316" spans="2:19" ht="13.5">
      <c r="B316" s="40"/>
      <c r="C316" s="40"/>
      <c r="D316" s="40"/>
      <c r="E316" s="40"/>
      <c r="F316" s="40"/>
      <c r="G316" s="40"/>
      <c r="H316" s="40"/>
      <c r="L316" s="40"/>
      <c r="M316" s="40"/>
      <c r="N316" s="40"/>
      <c r="O316" s="40"/>
      <c r="P316" s="40"/>
      <c r="Q316" s="40"/>
      <c r="R316" s="40"/>
      <c r="S316" s="40"/>
    </row>
    <row r="317" spans="2:19" ht="13.5">
      <c r="B317" s="40"/>
      <c r="C317" s="40"/>
      <c r="D317" s="40"/>
      <c r="E317" s="40"/>
      <c r="F317" s="40"/>
      <c r="G317" s="40"/>
      <c r="H317" s="40"/>
      <c r="L317" s="40"/>
      <c r="M317" s="40"/>
      <c r="N317" s="40"/>
      <c r="O317" s="40"/>
      <c r="P317" s="40"/>
      <c r="Q317" s="40"/>
      <c r="R317" s="40"/>
      <c r="S317" s="40"/>
    </row>
    <row r="318" spans="2:19" ht="13.5">
      <c r="B318" s="40"/>
      <c r="C318" s="40"/>
      <c r="D318" s="40"/>
      <c r="E318" s="40"/>
      <c r="F318" s="40"/>
      <c r="G318" s="40"/>
      <c r="H318" s="40"/>
      <c r="L318" s="40"/>
      <c r="M318" s="40"/>
      <c r="N318" s="40"/>
      <c r="O318" s="40"/>
      <c r="P318" s="40"/>
      <c r="Q318" s="40"/>
      <c r="R318" s="40"/>
      <c r="S318" s="40"/>
    </row>
    <row r="319" spans="2:19" ht="13.5">
      <c r="B319" s="40"/>
      <c r="C319" s="40"/>
      <c r="D319" s="40"/>
      <c r="E319" s="40"/>
      <c r="F319" s="40"/>
      <c r="G319" s="40"/>
      <c r="H319" s="40"/>
      <c r="L319" s="40"/>
      <c r="M319" s="40"/>
      <c r="N319" s="40"/>
      <c r="O319" s="40"/>
      <c r="P319" s="40"/>
      <c r="Q319" s="40"/>
      <c r="R319" s="40"/>
      <c r="S319" s="40"/>
    </row>
    <row r="320" spans="2:19" ht="13.5">
      <c r="B320" s="40"/>
      <c r="C320" s="40"/>
      <c r="D320" s="40"/>
      <c r="E320" s="40"/>
      <c r="F320" s="40"/>
      <c r="G320" s="40"/>
      <c r="H320" s="40"/>
      <c r="L320" s="40"/>
      <c r="M320" s="40"/>
      <c r="N320" s="40"/>
      <c r="O320" s="40"/>
      <c r="P320" s="40"/>
      <c r="Q320" s="40"/>
      <c r="R320" s="40"/>
      <c r="S320" s="40"/>
    </row>
    <row r="321" spans="2:19" ht="13.5">
      <c r="B321" s="40"/>
      <c r="C321" s="40"/>
      <c r="D321" s="40"/>
      <c r="E321" s="40"/>
      <c r="F321" s="40"/>
      <c r="G321" s="40"/>
      <c r="H321" s="40"/>
      <c r="L321" s="40"/>
      <c r="M321" s="40"/>
      <c r="N321" s="40"/>
      <c r="O321" s="40"/>
      <c r="P321" s="40"/>
      <c r="Q321" s="40"/>
      <c r="R321" s="40"/>
      <c r="S321" s="40"/>
    </row>
    <row r="322" spans="2:19" ht="13.5">
      <c r="B322" s="40"/>
      <c r="C322" s="40"/>
      <c r="D322" s="40"/>
      <c r="E322" s="40"/>
      <c r="F322" s="40"/>
      <c r="G322" s="40"/>
      <c r="H322" s="40"/>
      <c r="L322" s="40"/>
      <c r="M322" s="40"/>
      <c r="N322" s="40"/>
      <c r="O322" s="40"/>
      <c r="P322" s="40"/>
      <c r="Q322" s="40"/>
      <c r="R322" s="40"/>
      <c r="S322" s="40"/>
    </row>
    <row r="323" spans="2:19" ht="13.5">
      <c r="B323" s="40"/>
      <c r="C323" s="40"/>
      <c r="D323" s="40"/>
      <c r="E323" s="40"/>
      <c r="F323" s="40"/>
      <c r="G323" s="40"/>
      <c r="H323" s="40"/>
      <c r="L323" s="40"/>
      <c r="M323" s="40"/>
      <c r="N323" s="40"/>
      <c r="O323" s="40"/>
      <c r="P323" s="40"/>
      <c r="Q323" s="40"/>
      <c r="R323" s="40"/>
      <c r="S323" s="40"/>
    </row>
    <row r="324" spans="2:19" ht="13.5">
      <c r="B324" s="40"/>
      <c r="C324" s="40"/>
      <c r="D324" s="40"/>
      <c r="E324" s="40"/>
      <c r="F324" s="40"/>
      <c r="G324" s="40"/>
      <c r="H324" s="40"/>
      <c r="L324" s="40"/>
      <c r="M324" s="40"/>
      <c r="N324" s="40"/>
      <c r="O324" s="40"/>
      <c r="P324" s="40"/>
      <c r="Q324" s="40"/>
      <c r="R324" s="40"/>
      <c r="S324" s="40"/>
    </row>
    <row r="325" spans="2:19" ht="13.5">
      <c r="B325" s="40"/>
      <c r="C325" s="40"/>
      <c r="D325" s="40"/>
      <c r="E325" s="40"/>
      <c r="F325" s="40"/>
      <c r="G325" s="40"/>
      <c r="H325" s="40"/>
      <c r="L325" s="40"/>
      <c r="M325" s="40"/>
      <c r="N325" s="40"/>
      <c r="O325" s="40"/>
      <c r="P325" s="40"/>
      <c r="Q325" s="40"/>
      <c r="R325" s="40"/>
      <c r="S325" s="40"/>
    </row>
    <row r="326" spans="2:19" ht="13.5">
      <c r="B326" s="40"/>
      <c r="C326" s="40"/>
      <c r="D326" s="40"/>
      <c r="E326" s="40"/>
      <c r="F326" s="40"/>
      <c r="G326" s="40"/>
      <c r="H326" s="40"/>
      <c r="L326" s="40"/>
      <c r="M326" s="40"/>
      <c r="N326" s="40"/>
      <c r="O326" s="40"/>
      <c r="P326" s="40"/>
      <c r="Q326" s="40"/>
      <c r="R326" s="40"/>
      <c r="S326" s="40"/>
    </row>
    <row r="327" spans="2:19" ht="13.5">
      <c r="B327" s="40"/>
      <c r="C327" s="40"/>
      <c r="D327" s="40"/>
      <c r="E327" s="40"/>
      <c r="F327" s="40"/>
      <c r="G327" s="40"/>
      <c r="H327" s="40"/>
      <c r="L327" s="40"/>
      <c r="M327" s="40"/>
      <c r="N327" s="40"/>
      <c r="O327" s="40"/>
      <c r="P327" s="40"/>
      <c r="Q327" s="40"/>
      <c r="R327" s="40"/>
      <c r="S327" s="40"/>
    </row>
    <row r="328" spans="2:19" ht="13.5">
      <c r="B328" s="40"/>
      <c r="C328" s="40"/>
      <c r="D328" s="40"/>
      <c r="E328" s="40"/>
      <c r="F328" s="40"/>
      <c r="G328" s="40"/>
      <c r="H328" s="40"/>
      <c r="L328" s="40"/>
      <c r="M328" s="40"/>
      <c r="N328" s="40"/>
      <c r="O328" s="40"/>
      <c r="P328" s="40"/>
      <c r="Q328" s="40"/>
      <c r="R328" s="40"/>
      <c r="S328" s="40"/>
    </row>
    <row r="329" spans="2:19" ht="13.5">
      <c r="B329" s="40"/>
      <c r="C329" s="40"/>
      <c r="D329" s="40"/>
      <c r="E329" s="40"/>
      <c r="F329" s="40"/>
      <c r="G329" s="40"/>
      <c r="H329" s="40"/>
      <c r="L329" s="40"/>
      <c r="M329" s="40"/>
      <c r="N329" s="40"/>
      <c r="O329" s="40"/>
      <c r="P329" s="40"/>
      <c r="Q329" s="40"/>
      <c r="R329" s="40"/>
      <c r="S329" s="40"/>
    </row>
    <row r="330" spans="2:19" ht="13.5">
      <c r="B330" s="40"/>
      <c r="C330" s="40"/>
      <c r="D330" s="40"/>
      <c r="E330" s="40"/>
      <c r="F330" s="40"/>
      <c r="G330" s="40"/>
      <c r="H330" s="40"/>
      <c r="L330" s="40"/>
      <c r="M330" s="40"/>
      <c r="N330" s="40"/>
      <c r="O330" s="40"/>
      <c r="P330" s="40"/>
      <c r="Q330" s="40"/>
      <c r="R330" s="40"/>
      <c r="S330" s="40"/>
    </row>
    <row r="331" spans="2:19" ht="13.5">
      <c r="B331" s="40"/>
      <c r="C331" s="40"/>
      <c r="D331" s="40"/>
      <c r="E331" s="40"/>
      <c r="F331" s="40"/>
      <c r="G331" s="40"/>
      <c r="H331" s="40"/>
      <c r="L331" s="40"/>
      <c r="M331" s="40"/>
      <c r="N331" s="40"/>
      <c r="O331" s="40"/>
      <c r="P331" s="40"/>
      <c r="Q331" s="40"/>
      <c r="R331" s="40"/>
      <c r="S331" s="40"/>
    </row>
    <row r="332" spans="2:19" ht="13.5">
      <c r="B332" s="40"/>
      <c r="C332" s="40"/>
      <c r="D332" s="40"/>
      <c r="E332" s="40"/>
      <c r="F332" s="40"/>
      <c r="G332" s="40"/>
      <c r="H332" s="40"/>
      <c r="L332" s="40"/>
      <c r="M332" s="40"/>
      <c r="N332" s="40"/>
      <c r="O332" s="40"/>
      <c r="P332" s="40"/>
      <c r="Q332" s="40"/>
      <c r="R332" s="40"/>
      <c r="S332" s="40"/>
    </row>
    <row r="333" spans="2:19" ht="13.5">
      <c r="B333" s="40"/>
      <c r="C333" s="40"/>
      <c r="D333" s="40"/>
      <c r="E333" s="40"/>
      <c r="F333" s="40"/>
      <c r="G333" s="40"/>
      <c r="H333" s="40"/>
      <c r="L333" s="40"/>
      <c r="M333" s="40"/>
      <c r="N333" s="40"/>
      <c r="O333" s="40"/>
      <c r="P333" s="40"/>
      <c r="Q333" s="40"/>
      <c r="R333" s="40"/>
      <c r="S333" s="40"/>
    </row>
    <row r="334" spans="2:19" ht="13.5">
      <c r="B334" s="40"/>
      <c r="C334" s="40"/>
      <c r="D334" s="40"/>
      <c r="E334" s="40"/>
      <c r="F334" s="40"/>
      <c r="G334" s="40"/>
      <c r="H334" s="40"/>
      <c r="L334" s="40"/>
      <c r="M334" s="40"/>
      <c r="N334" s="40"/>
      <c r="O334" s="40"/>
      <c r="P334" s="40"/>
      <c r="Q334" s="40"/>
      <c r="R334" s="40"/>
      <c r="S334" s="40"/>
    </row>
    <row r="335" spans="2:19" ht="13.5">
      <c r="B335" s="40"/>
      <c r="C335" s="40"/>
      <c r="D335" s="40"/>
      <c r="E335" s="40"/>
      <c r="F335" s="40"/>
      <c r="G335" s="40"/>
      <c r="H335" s="40"/>
      <c r="L335" s="40"/>
      <c r="M335" s="40"/>
      <c r="N335" s="40"/>
      <c r="O335" s="40"/>
      <c r="P335" s="40"/>
      <c r="Q335" s="40"/>
      <c r="R335" s="40"/>
      <c r="S335" s="40"/>
    </row>
    <row r="336" spans="2:19" ht="13.5">
      <c r="B336" s="40"/>
      <c r="C336" s="40"/>
      <c r="D336" s="40"/>
      <c r="E336" s="40"/>
      <c r="F336" s="40"/>
      <c r="G336" s="40"/>
      <c r="H336" s="40"/>
      <c r="L336" s="40"/>
      <c r="M336" s="40"/>
      <c r="N336" s="40"/>
      <c r="O336" s="40"/>
      <c r="P336" s="40"/>
      <c r="Q336" s="40"/>
      <c r="R336" s="40"/>
      <c r="S336" s="40"/>
    </row>
    <row r="337" spans="2:19" ht="13.5">
      <c r="B337" s="40"/>
      <c r="C337" s="40"/>
      <c r="D337" s="40"/>
      <c r="E337" s="40"/>
      <c r="F337" s="40"/>
      <c r="G337" s="40"/>
      <c r="H337" s="40"/>
      <c r="L337" s="40"/>
      <c r="M337" s="40"/>
      <c r="N337" s="40"/>
      <c r="O337" s="40"/>
      <c r="P337" s="40"/>
      <c r="Q337" s="40"/>
      <c r="R337" s="40"/>
      <c r="S337" s="40"/>
    </row>
    <row r="338" spans="2:19" ht="13.5">
      <c r="B338" s="40"/>
      <c r="C338" s="40"/>
      <c r="D338" s="40"/>
      <c r="E338" s="40"/>
      <c r="F338" s="40"/>
      <c r="G338" s="40"/>
      <c r="H338" s="40"/>
      <c r="L338" s="40"/>
      <c r="M338" s="40"/>
      <c r="N338" s="40"/>
      <c r="O338" s="40"/>
      <c r="P338" s="40"/>
      <c r="Q338" s="40"/>
      <c r="R338" s="40"/>
      <c r="S338" s="40"/>
    </row>
    <row r="339" spans="2:19" ht="13.5">
      <c r="B339" s="40"/>
      <c r="C339" s="40"/>
      <c r="D339" s="40"/>
      <c r="E339" s="40"/>
      <c r="F339" s="40"/>
      <c r="G339" s="40"/>
      <c r="H339" s="40"/>
      <c r="L339" s="40"/>
      <c r="M339" s="40"/>
      <c r="N339" s="40"/>
      <c r="O339" s="40"/>
      <c r="P339" s="40"/>
      <c r="Q339" s="40"/>
      <c r="R339" s="40"/>
      <c r="S339" s="40"/>
    </row>
    <row r="340" spans="2:19" ht="13.5">
      <c r="B340" s="40"/>
      <c r="C340" s="40"/>
      <c r="D340" s="40"/>
      <c r="E340" s="40"/>
      <c r="F340" s="40"/>
      <c r="G340" s="40"/>
      <c r="H340" s="40"/>
      <c r="L340" s="40"/>
      <c r="M340" s="40"/>
      <c r="N340" s="40"/>
      <c r="O340" s="40"/>
      <c r="P340" s="40"/>
      <c r="Q340" s="40"/>
      <c r="R340" s="40"/>
      <c r="S340" s="40"/>
    </row>
    <row r="341" spans="2:19" ht="13.5">
      <c r="B341" s="40"/>
      <c r="C341" s="40"/>
      <c r="D341" s="40"/>
      <c r="E341" s="40"/>
      <c r="F341" s="40"/>
      <c r="G341" s="40"/>
      <c r="H341" s="40"/>
      <c r="L341" s="40"/>
      <c r="M341" s="40"/>
      <c r="N341" s="40"/>
      <c r="O341" s="40"/>
      <c r="P341" s="40"/>
      <c r="Q341" s="40"/>
      <c r="R341" s="40"/>
      <c r="S341" s="40"/>
    </row>
    <row r="342" spans="2:19" ht="13.5">
      <c r="B342" s="40"/>
      <c r="C342" s="40"/>
      <c r="D342" s="40"/>
      <c r="E342" s="40"/>
      <c r="F342" s="40"/>
      <c r="G342" s="40"/>
      <c r="H342" s="40"/>
      <c r="L342" s="40"/>
      <c r="M342" s="40"/>
      <c r="N342" s="40"/>
      <c r="O342" s="40"/>
      <c r="P342" s="40"/>
      <c r="Q342" s="40"/>
      <c r="R342" s="40"/>
      <c r="S342" s="40"/>
    </row>
    <row r="343" spans="2:19" ht="13.5">
      <c r="B343" s="40"/>
      <c r="C343" s="40"/>
      <c r="D343" s="40"/>
      <c r="E343" s="40"/>
      <c r="F343" s="40"/>
      <c r="G343" s="40"/>
      <c r="H343" s="40"/>
      <c r="L343" s="40"/>
      <c r="M343" s="40"/>
      <c r="N343" s="40"/>
      <c r="O343" s="40"/>
      <c r="P343" s="40"/>
      <c r="Q343" s="40"/>
      <c r="R343" s="40"/>
      <c r="S343" s="40"/>
    </row>
    <row r="344" spans="2:19" ht="13.5">
      <c r="B344" s="40"/>
      <c r="C344" s="40"/>
      <c r="D344" s="40"/>
      <c r="E344" s="40"/>
      <c r="F344" s="40"/>
      <c r="G344" s="40"/>
      <c r="H344" s="40"/>
      <c r="L344" s="40"/>
      <c r="M344" s="40"/>
      <c r="N344" s="40"/>
      <c r="O344" s="40"/>
      <c r="P344" s="40"/>
      <c r="Q344" s="40"/>
      <c r="R344" s="40"/>
      <c r="S344" s="40"/>
    </row>
    <row r="345" spans="2:19" ht="13.5">
      <c r="B345" s="40"/>
      <c r="C345" s="40"/>
      <c r="D345" s="40"/>
      <c r="E345" s="40"/>
      <c r="F345" s="40"/>
      <c r="G345" s="40"/>
      <c r="H345" s="40"/>
      <c r="L345" s="40"/>
      <c r="M345" s="40"/>
      <c r="N345" s="40"/>
      <c r="O345" s="40"/>
      <c r="P345" s="40"/>
      <c r="Q345" s="40"/>
      <c r="R345" s="40"/>
      <c r="S345" s="40"/>
    </row>
    <row r="346" spans="2:19" ht="13.5">
      <c r="B346" s="40"/>
      <c r="C346" s="40"/>
      <c r="D346" s="40"/>
      <c r="E346" s="40"/>
      <c r="F346" s="40"/>
      <c r="G346" s="40"/>
      <c r="H346" s="40"/>
      <c r="L346" s="40"/>
      <c r="M346" s="40"/>
      <c r="N346" s="40"/>
      <c r="O346" s="40"/>
      <c r="P346" s="40"/>
      <c r="Q346" s="40"/>
      <c r="R346" s="40"/>
      <c r="S346" s="40"/>
    </row>
    <row r="347" spans="2:19" ht="13.5">
      <c r="B347" s="40"/>
      <c r="C347" s="40"/>
      <c r="D347" s="40"/>
      <c r="E347" s="40"/>
      <c r="F347" s="40"/>
      <c r="G347" s="40"/>
      <c r="H347" s="40"/>
      <c r="L347" s="40"/>
      <c r="M347" s="40"/>
      <c r="N347" s="40"/>
      <c r="O347" s="40"/>
      <c r="P347" s="40"/>
      <c r="Q347" s="40"/>
      <c r="R347" s="40"/>
      <c r="S347" s="40"/>
    </row>
    <row r="348" spans="2:19" ht="13.5">
      <c r="B348" s="40"/>
      <c r="C348" s="40"/>
      <c r="D348" s="40"/>
      <c r="E348" s="40"/>
      <c r="F348" s="40"/>
      <c r="G348" s="40"/>
      <c r="H348" s="40"/>
      <c r="L348" s="40"/>
      <c r="M348" s="40"/>
      <c r="N348" s="40"/>
      <c r="O348" s="40"/>
      <c r="P348" s="40"/>
      <c r="Q348" s="40"/>
      <c r="R348" s="40"/>
      <c r="S348" s="40"/>
    </row>
    <row r="349" spans="2:19" ht="13.5">
      <c r="B349" s="40"/>
      <c r="C349" s="40"/>
      <c r="D349" s="40"/>
      <c r="E349" s="40"/>
      <c r="F349" s="40"/>
      <c r="G349" s="40"/>
      <c r="H349" s="40"/>
      <c r="L349" s="40"/>
      <c r="M349" s="40"/>
      <c r="N349" s="40"/>
      <c r="O349" s="40"/>
      <c r="P349" s="40"/>
      <c r="Q349" s="40"/>
      <c r="R349" s="40"/>
      <c r="S349" s="40"/>
    </row>
    <row r="350" spans="2:19" ht="13.5">
      <c r="B350" s="40"/>
      <c r="C350" s="40"/>
      <c r="D350" s="40"/>
      <c r="E350" s="40"/>
      <c r="F350" s="40"/>
      <c r="G350" s="40"/>
      <c r="H350" s="40"/>
      <c r="L350" s="40"/>
      <c r="M350" s="40"/>
      <c r="N350" s="40"/>
      <c r="O350" s="40"/>
      <c r="P350" s="40"/>
      <c r="Q350" s="40"/>
      <c r="R350" s="40"/>
      <c r="S350" s="40"/>
    </row>
    <row r="351" spans="2:19" ht="13.5">
      <c r="B351" s="40"/>
      <c r="C351" s="40"/>
      <c r="D351" s="40"/>
      <c r="E351" s="40"/>
      <c r="F351" s="40"/>
      <c r="G351" s="40"/>
      <c r="H351" s="40"/>
      <c r="L351" s="40"/>
      <c r="M351" s="40"/>
      <c r="N351" s="40"/>
      <c r="O351" s="40"/>
      <c r="P351" s="40"/>
      <c r="Q351" s="40"/>
      <c r="R351" s="40"/>
      <c r="S351" s="40"/>
    </row>
    <row r="352" spans="2:19" ht="13.5">
      <c r="B352" s="40"/>
      <c r="C352" s="40"/>
      <c r="D352" s="40"/>
      <c r="E352" s="40"/>
      <c r="F352" s="40"/>
      <c r="G352" s="40"/>
      <c r="H352" s="40"/>
      <c r="L352" s="40"/>
      <c r="M352" s="40"/>
      <c r="N352" s="40"/>
      <c r="O352" s="40"/>
      <c r="P352" s="40"/>
      <c r="Q352" s="40"/>
      <c r="R352" s="40"/>
      <c r="S352" s="40"/>
    </row>
    <row r="353" spans="2:19" ht="13.5">
      <c r="B353" s="40"/>
      <c r="C353" s="40"/>
      <c r="D353" s="40"/>
      <c r="E353" s="40"/>
      <c r="F353" s="40"/>
      <c r="G353" s="40"/>
      <c r="H353" s="40"/>
      <c r="L353" s="40"/>
      <c r="M353" s="40"/>
      <c r="N353" s="40"/>
      <c r="O353" s="40"/>
      <c r="P353" s="40"/>
      <c r="Q353" s="40"/>
      <c r="R353" s="40"/>
      <c r="S353" s="40"/>
    </row>
    <row r="354" spans="2:19" ht="13.5">
      <c r="B354" s="40"/>
      <c r="C354" s="40"/>
      <c r="D354" s="40"/>
      <c r="E354" s="40"/>
      <c r="F354" s="40"/>
      <c r="G354" s="40"/>
      <c r="H354" s="40"/>
      <c r="L354" s="40"/>
      <c r="M354" s="40"/>
      <c r="N354" s="40"/>
      <c r="O354" s="40"/>
      <c r="P354" s="40"/>
      <c r="Q354" s="40"/>
      <c r="R354" s="40"/>
      <c r="S354" s="40"/>
    </row>
    <row r="355" spans="2:19" ht="13.5">
      <c r="B355" s="40"/>
      <c r="C355" s="40"/>
      <c r="D355" s="40"/>
      <c r="E355" s="40"/>
      <c r="F355" s="40"/>
      <c r="G355" s="40"/>
      <c r="H355" s="40"/>
      <c r="L355" s="40"/>
      <c r="M355" s="40"/>
      <c r="N355" s="40"/>
      <c r="O355" s="40"/>
      <c r="P355" s="40"/>
      <c r="Q355" s="40"/>
      <c r="R355" s="40"/>
      <c r="S355" s="40"/>
    </row>
    <row r="356" spans="2:19" ht="13.5">
      <c r="B356" s="40"/>
      <c r="C356" s="40"/>
      <c r="D356" s="40"/>
      <c r="E356" s="40"/>
      <c r="F356" s="40"/>
      <c r="G356" s="40"/>
      <c r="H356" s="40"/>
      <c r="L356" s="40"/>
      <c r="M356" s="40"/>
      <c r="N356" s="40"/>
      <c r="O356" s="40"/>
      <c r="P356" s="40"/>
      <c r="Q356" s="40"/>
      <c r="R356" s="40"/>
      <c r="S356" s="40"/>
    </row>
    <row r="357" spans="2:19" ht="13.5">
      <c r="B357" s="40"/>
      <c r="C357" s="40"/>
      <c r="D357" s="40"/>
      <c r="E357" s="40"/>
      <c r="F357" s="40"/>
      <c r="G357" s="40"/>
      <c r="H357" s="40"/>
      <c r="L357" s="40"/>
      <c r="M357" s="40"/>
      <c r="N357" s="40"/>
      <c r="O357" s="40"/>
      <c r="P357" s="40"/>
      <c r="Q357" s="40"/>
      <c r="R357" s="40"/>
      <c r="S357" s="40"/>
    </row>
    <row r="358" spans="2:19" ht="13.5">
      <c r="B358" s="40"/>
      <c r="C358" s="40"/>
      <c r="D358" s="40"/>
      <c r="E358" s="40"/>
      <c r="F358" s="40"/>
      <c r="G358" s="40"/>
      <c r="H358" s="40"/>
      <c r="L358" s="40"/>
      <c r="M358" s="40"/>
      <c r="N358" s="40"/>
      <c r="O358" s="40"/>
      <c r="P358" s="40"/>
      <c r="Q358" s="40"/>
      <c r="R358" s="40"/>
      <c r="S358" s="40"/>
    </row>
    <row r="359" spans="2:19" ht="13.5">
      <c r="B359" s="40"/>
      <c r="C359" s="40"/>
      <c r="D359" s="40"/>
      <c r="E359" s="40"/>
      <c r="F359" s="40"/>
      <c r="G359" s="40"/>
      <c r="H359" s="40"/>
      <c r="L359" s="40"/>
      <c r="M359" s="40"/>
      <c r="N359" s="40"/>
      <c r="O359" s="40"/>
      <c r="P359" s="40"/>
      <c r="Q359" s="40"/>
      <c r="R359" s="40"/>
      <c r="S359" s="40"/>
    </row>
    <row r="360" spans="2:19" ht="13.5">
      <c r="B360" s="40"/>
      <c r="C360" s="40"/>
      <c r="D360" s="40"/>
      <c r="E360" s="40"/>
      <c r="F360" s="40"/>
      <c r="G360" s="40"/>
      <c r="H360" s="40"/>
      <c r="L360" s="40"/>
      <c r="M360" s="40"/>
      <c r="N360" s="40"/>
      <c r="O360" s="40"/>
      <c r="P360" s="40"/>
      <c r="Q360" s="40"/>
      <c r="R360" s="40"/>
      <c r="S360" s="40"/>
    </row>
    <row r="361" spans="2:19" ht="13.5">
      <c r="B361" s="40"/>
      <c r="C361" s="40"/>
      <c r="D361" s="40"/>
      <c r="E361" s="40"/>
      <c r="F361" s="40"/>
      <c r="G361" s="40"/>
      <c r="H361" s="40"/>
      <c r="L361" s="40"/>
      <c r="M361" s="40"/>
      <c r="N361" s="40"/>
      <c r="O361" s="40"/>
      <c r="P361" s="40"/>
      <c r="Q361" s="40"/>
      <c r="R361" s="40"/>
      <c r="S361" s="40"/>
    </row>
    <row r="362" spans="2:19" ht="13.5">
      <c r="B362" s="40"/>
      <c r="C362" s="40"/>
      <c r="D362" s="40"/>
      <c r="E362" s="40"/>
      <c r="F362" s="40"/>
      <c r="G362" s="40"/>
      <c r="H362" s="40"/>
      <c r="L362" s="40"/>
      <c r="M362" s="40"/>
      <c r="N362" s="40"/>
      <c r="O362" s="40"/>
      <c r="P362" s="40"/>
      <c r="Q362" s="40"/>
      <c r="R362" s="40"/>
      <c r="S362" s="40"/>
    </row>
    <row r="363" spans="2:19" ht="13.5">
      <c r="B363" s="40"/>
      <c r="C363" s="40"/>
      <c r="D363" s="40"/>
      <c r="E363" s="40"/>
      <c r="F363" s="40"/>
      <c r="G363" s="40"/>
      <c r="H363" s="40"/>
      <c r="L363" s="40"/>
      <c r="M363" s="40"/>
      <c r="N363" s="40"/>
      <c r="O363" s="40"/>
      <c r="P363" s="40"/>
      <c r="Q363" s="40"/>
      <c r="R363" s="40"/>
      <c r="S363" s="40"/>
    </row>
    <row r="364" spans="2:19" ht="13.5">
      <c r="B364" s="40"/>
      <c r="C364" s="40"/>
      <c r="D364" s="40"/>
      <c r="E364" s="40"/>
      <c r="F364" s="40"/>
      <c r="G364" s="40"/>
      <c r="H364" s="40"/>
      <c r="L364" s="40"/>
      <c r="M364" s="40"/>
      <c r="N364" s="40"/>
      <c r="O364" s="40"/>
      <c r="P364" s="40"/>
      <c r="Q364" s="40"/>
      <c r="R364" s="40"/>
      <c r="S364" s="40"/>
    </row>
    <row r="365" spans="2:19" ht="13.5">
      <c r="B365" s="40"/>
      <c r="C365" s="40"/>
      <c r="D365" s="40"/>
      <c r="E365" s="40"/>
      <c r="F365" s="40"/>
      <c r="G365" s="40"/>
      <c r="H365" s="40"/>
      <c r="L365" s="40"/>
      <c r="M365" s="40"/>
      <c r="N365" s="40"/>
      <c r="O365" s="40"/>
      <c r="P365" s="40"/>
      <c r="Q365" s="40"/>
      <c r="R365" s="40"/>
      <c r="S365" s="40"/>
    </row>
    <row r="366" spans="2:19" ht="13.5">
      <c r="B366" s="40"/>
      <c r="C366" s="40"/>
      <c r="D366" s="40"/>
      <c r="E366" s="40"/>
      <c r="F366" s="40"/>
      <c r="G366" s="40"/>
      <c r="H366" s="40"/>
      <c r="L366" s="40"/>
      <c r="M366" s="40"/>
      <c r="N366" s="40"/>
      <c r="O366" s="40"/>
      <c r="P366" s="40"/>
      <c r="Q366" s="40"/>
      <c r="R366" s="40"/>
      <c r="S366" s="40"/>
    </row>
    <row r="367" spans="2:19" ht="13.5">
      <c r="B367" s="40"/>
      <c r="C367" s="40"/>
      <c r="D367" s="40"/>
      <c r="E367" s="40"/>
      <c r="F367" s="40"/>
      <c r="G367" s="40"/>
      <c r="H367" s="40"/>
      <c r="L367" s="40"/>
      <c r="M367" s="40"/>
      <c r="N367" s="40"/>
      <c r="O367" s="40"/>
      <c r="P367" s="40"/>
      <c r="Q367" s="40"/>
      <c r="R367" s="40"/>
      <c r="S367" s="40"/>
    </row>
    <row r="368" spans="2:19" ht="13.5">
      <c r="B368" s="40"/>
      <c r="C368" s="40"/>
      <c r="D368" s="40"/>
      <c r="E368" s="40"/>
      <c r="F368" s="40"/>
      <c r="G368" s="40"/>
      <c r="H368" s="40"/>
      <c r="L368" s="40"/>
      <c r="M368" s="40"/>
      <c r="N368" s="40"/>
      <c r="O368" s="40"/>
      <c r="P368" s="40"/>
      <c r="Q368" s="40"/>
      <c r="R368" s="40"/>
      <c r="S368" s="40"/>
    </row>
    <row r="369" spans="2:19" ht="13.5">
      <c r="B369" s="40"/>
      <c r="C369" s="40"/>
      <c r="D369" s="40"/>
      <c r="E369" s="40"/>
      <c r="F369" s="40"/>
      <c r="G369" s="40"/>
      <c r="H369" s="40"/>
      <c r="L369" s="40"/>
      <c r="M369" s="40"/>
      <c r="N369" s="40"/>
      <c r="O369" s="40"/>
      <c r="P369" s="40"/>
      <c r="Q369" s="40"/>
      <c r="R369" s="40"/>
      <c r="S369" s="40"/>
    </row>
    <row r="370" spans="2:19" ht="13.5">
      <c r="B370" s="40"/>
      <c r="C370" s="40"/>
      <c r="D370" s="40"/>
      <c r="E370" s="40"/>
      <c r="F370" s="40"/>
      <c r="G370" s="40"/>
      <c r="H370" s="40"/>
      <c r="L370" s="40"/>
      <c r="M370" s="40"/>
      <c r="N370" s="40"/>
      <c r="O370" s="40"/>
      <c r="P370" s="40"/>
      <c r="Q370" s="40"/>
      <c r="R370" s="40"/>
      <c r="S370" s="40"/>
    </row>
    <row r="371" spans="2:19" ht="13.5">
      <c r="B371" s="40"/>
      <c r="C371" s="40"/>
      <c r="D371" s="40"/>
      <c r="E371" s="40"/>
      <c r="F371" s="40"/>
      <c r="G371" s="40"/>
      <c r="H371" s="40"/>
      <c r="L371" s="40"/>
      <c r="M371" s="40"/>
      <c r="N371" s="40"/>
      <c r="O371" s="40"/>
      <c r="P371" s="40"/>
      <c r="Q371" s="40"/>
      <c r="R371" s="40"/>
      <c r="S371" s="40"/>
    </row>
    <row r="372" spans="2:19" ht="13.5">
      <c r="B372" s="40"/>
      <c r="C372" s="40"/>
      <c r="D372" s="40"/>
      <c r="F372" s="40"/>
      <c r="G372" s="40"/>
      <c r="H372" s="40"/>
      <c r="L372" s="40"/>
      <c r="M372" s="40"/>
      <c r="N372" s="40"/>
      <c r="O372" s="40"/>
      <c r="P372" s="40"/>
      <c r="Q372" s="40"/>
      <c r="R372" s="40"/>
      <c r="S372" s="40"/>
    </row>
    <row r="373" spans="2:19" ht="13.5">
      <c r="F373" s="40"/>
      <c r="G373" s="40"/>
      <c r="H373" s="40"/>
      <c r="L373" s="40"/>
      <c r="M373" s="40"/>
      <c r="N373" s="40"/>
      <c r="O373" s="40"/>
      <c r="P373" s="40"/>
      <c r="Q373" s="40"/>
      <c r="R373" s="40"/>
      <c r="S373" s="40"/>
    </row>
    <row r="374" spans="2:19" ht="13.5">
      <c r="F374" s="40"/>
      <c r="G374" s="40"/>
      <c r="H374" s="40"/>
      <c r="L374" s="40"/>
      <c r="M374" s="40"/>
      <c r="N374" s="40"/>
      <c r="O374" s="40"/>
      <c r="P374" s="40"/>
      <c r="Q374" s="40"/>
      <c r="R374" s="40"/>
      <c r="S374" s="40"/>
    </row>
    <row r="375" spans="2:19" ht="13.5">
      <c r="F375" s="40"/>
      <c r="G375" s="40"/>
      <c r="H375" s="40"/>
      <c r="L375" s="40"/>
      <c r="M375" s="40"/>
      <c r="N375" s="40"/>
      <c r="O375" s="40"/>
      <c r="P375" s="40"/>
      <c r="Q375" s="40"/>
      <c r="R375" s="40"/>
      <c r="S375" s="40"/>
    </row>
    <row r="376" spans="2:19" ht="13.5">
      <c r="F376" s="40"/>
      <c r="G376" s="40"/>
      <c r="H376" s="40"/>
      <c r="L376" s="40"/>
      <c r="M376" s="40"/>
      <c r="N376" s="40"/>
      <c r="O376" s="40"/>
      <c r="P376" s="40"/>
      <c r="Q376" s="40"/>
      <c r="R376" s="40"/>
      <c r="S376" s="40"/>
    </row>
    <row r="377" spans="2:19" ht="13.5">
      <c r="F377" s="40"/>
      <c r="G377" s="40"/>
      <c r="H377" s="40"/>
      <c r="L377" s="40"/>
      <c r="M377" s="40"/>
      <c r="N377" s="40"/>
      <c r="O377" s="40"/>
      <c r="P377" s="40"/>
      <c r="Q377" s="40"/>
      <c r="R377" s="40"/>
      <c r="S377" s="40"/>
    </row>
    <row r="378" spans="2:19" ht="13.5">
      <c r="F378" s="40"/>
      <c r="G378" s="40"/>
      <c r="H378" s="40"/>
      <c r="L378" s="40"/>
      <c r="M378" s="40"/>
      <c r="N378" s="40"/>
      <c r="O378" s="40"/>
      <c r="P378" s="40"/>
      <c r="Q378" s="40"/>
      <c r="R378" s="40"/>
      <c r="S378" s="40"/>
    </row>
    <row r="379" spans="2:19">
      <c r="F379" s="40"/>
      <c r="G379" s="40"/>
      <c r="H379" s="40"/>
      <c r="S379" s="40"/>
    </row>
  </sheetData>
  <mergeCells count="7">
    <mergeCell ref="P11:S11"/>
    <mergeCell ref="B2:N2"/>
    <mergeCell ref="B3:M3"/>
    <mergeCell ref="B4:M8"/>
    <mergeCell ref="B9:N9"/>
    <mergeCell ref="C10:M10"/>
    <mergeCell ref="P10:S10"/>
  </mergeCells>
  <phoneticPr fontId="4"/>
  <conditionalFormatting sqref="U13:U21 U23:U37">
    <cfRule type="expression" dxfId="238" priority="172" stopIfTrue="1">
      <formula>ISERROR(U13)</formula>
    </cfRule>
  </conditionalFormatting>
  <conditionalFormatting sqref="I13:I29 S13:S15 S17:S25 S28:S37">
    <cfRule type="cellIs" dxfId="237" priority="113" stopIfTrue="1" operator="greaterThan">
      <formula>0</formula>
    </cfRule>
  </conditionalFormatting>
  <conditionalFormatting sqref="I33:I36">
    <cfRule type="cellIs" dxfId="236" priority="112" stopIfTrue="1" operator="greaterThan">
      <formula>0</formula>
    </cfRule>
  </conditionalFormatting>
  <conditionalFormatting sqref="I31">
    <cfRule type="cellIs" dxfId="235" priority="111" stopIfTrue="1" operator="greaterThan">
      <formula>0</formula>
    </cfRule>
  </conditionalFormatting>
  <conditionalFormatting sqref="I13:K14 I16:K29 K30 I31:K37">
    <cfRule type="expression" dxfId="234" priority="114" stopIfTrue="1">
      <formula>#REF!&gt;12</formula>
    </cfRule>
  </conditionalFormatting>
  <conditionalFormatting sqref="P30:P37 S13:S15 S17:S25 S28:S37">
    <cfRule type="expression" dxfId="233" priority="115" stopIfTrue="1">
      <formula>#REF!&gt;12</formula>
    </cfRule>
  </conditionalFormatting>
  <conditionalFormatting sqref="Q30:R37 Q17:R22 Q13:R15 Q24:R25 Q28:R28">
    <cfRule type="expression" dxfId="232" priority="116" stopIfTrue="1">
      <formula>ISERROR(Q13)</formula>
    </cfRule>
    <cfRule type="expression" dxfId="231" priority="117" stopIfTrue="1">
      <formula>#REF!&gt;12</formula>
    </cfRule>
  </conditionalFormatting>
  <conditionalFormatting sqref="I15:K15 P17:P22 P13:P15 P24:P25 P28">
    <cfRule type="expression" dxfId="230" priority="118" stopIfTrue="1">
      <formula>#REF!&gt;12</formula>
    </cfRule>
  </conditionalFormatting>
  <conditionalFormatting sqref="P25">
    <cfRule type="expression" dxfId="229" priority="108" stopIfTrue="1">
      <formula>#REF!&gt;12</formula>
    </cfRule>
  </conditionalFormatting>
  <conditionalFormatting sqref="Q25:R25">
    <cfRule type="expression" dxfId="228" priority="109" stopIfTrue="1">
      <formula>ISERROR(Q25)</formula>
    </cfRule>
    <cfRule type="expression" dxfId="227" priority="110" stopIfTrue="1">
      <formula>#REF!&gt;12</formula>
    </cfRule>
  </conditionalFormatting>
  <conditionalFormatting sqref="P29">
    <cfRule type="expression" dxfId="226" priority="105" stopIfTrue="1">
      <formula>#REF!&gt;12</formula>
    </cfRule>
  </conditionalFormatting>
  <conditionalFormatting sqref="Q29:R29">
    <cfRule type="expression" dxfId="225" priority="106" stopIfTrue="1">
      <formula>ISERROR(Q29)</formula>
    </cfRule>
    <cfRule type="expression" dxfId="224" priority="107" stopIfTrue="1">
      <formula>#REF!&gt;12</formula>
    </cfRule>
  </conditionalFormatting>
  <conditionalFormatting sqref="P24">
    <cfRule type="expression" dxfId="223" priority="102" stopIfTrue="1">
      <formula>#REF!&gt;12</formula>
    </cfRule>
  </conditionalFormatting>
  <conditionalFormatting sqref="Q24:R24">
    <cfRule type="expression" dxfId="222" priority="103" stopIfTrue="1">
      <formula>ISERROR(Q24)</formula>
    </cfRule>
    <cfRule type="expression" dxfId="221" priority="104" stopIfTrue="1">
      <formula>#REF!&gt;12</formula>
    </cfRule>
  </conditionalFormatting>
  <conditionalFormatting sqref="P23">
    <cfRule type="expression" dxfId="220" priority="99" stopIfTrue="1">
      <formula>#REF!&gt;12</formula>
    </cfRule>
  </conditionalFormatting>
  <conditionalFormatting sqref="Q23:R23">
    <cfRule type="expression" dxfId="219" priority="100" stopIfTrue="1">
      <formula>ISERROR(Q23)</formula>
    </cfRule>
    <cfRule type="expression" dxfId="218" priority="101" stopIfTrue="1">
      <formula>#REF!&gt;12</formula>
    </cfRule>
  </conditionalFormatting>
  <conditionalFormatting sqref="Q16:R16">
    <cfRule type="expression" dxfId="217" priority="96" stopIfTrue="1">
      <formula>ISERROR(Q16)</formula>
    </cfRule>
    <cfRule type="expression" dxfId="216" priority="97" stopIfTrue="1">
      <formula>#REF!&gt;12</formula>
    </cfRule>
  </conditionalFormatting>
  <conditionalFormatting sqref="S16">
    <cfRule type="cellIs" dxfId="215" priority="94" stopIfTrue="1" operator="greaterThan">
      <formula>0</formula>
    </cfRule>
  </conditionalFormatting>
  <conditionalFormatting sqref="S16:T16">
    <cfRule type="expression" dxfId="214" priority="95" stopIfTrue="1">
      <formula>#REF!&gt;12</formula>
    </cfRule>
  </conditionalFormatting>
  <conditionalFormatting sqref="P16">
    <cfRule type="expression" dxfId="213" priority="98" stopIfTrue="1">
      <formula>#REF!&gt;12</formula>
    </cfRule>
  </conditionalFormatting>
  <conditionalFormatting sqref="I37">
    <cfRule type="cellIs" dxfId="212" priority="92" stopIfTrue="1" operator="greaterThan">
      <formula>0</formula>
    </cfRule>
  </conditionalFormatting>
  <conditionalFormatting sqref="I37">
    <cfRule type="expression" dxfId="211" priority="93" stopIfTrue="1">
      <formula>#REF!&gt;12</formula>
    </cfRule>
  </conditionalFormatting>
  <conditionalFormatting sqref="S26">
    <cfRule type="cellIs" dxfId="210" priority="87" stopIfTrue="1" operator="greaterThan">
      <formula>0</formula>
    </cfRule>
  </conditionalFormatting>
  <conditionalFormatting sqref="S26:T26">
    <cfRule type="expression" dxfId="209" priority="88" stopIfTrue="1">
      <formula>#REF!&gt;12</formula>
    </cfRule>
  </conditionalFormatting>
  <conditionalFormatting sqref="Q26:R26">
    <cfRule type="expression" dxfId="208" priority="89" stopIfTrue="1">
      <formula>ISERROR(Q26)</formula>
    </cfRule>
    <cfRule type="expression" dxfId="207" priority="90" stopIfTrue="1">
      <formula>#REF!&gt;12</formula>
    </cfRule>
  </conditionalFormatting>
  <conditionalFormatting sqref="P26">
    <cfRule type="expression" dxfId="206" priority="91" stopIfTrue="1">
      <formula>#REF!&gt;12</formula>
    </cfRule>
  </conditionalFormatting>
  <conditionalFormatting sqref="I30">
    <cfRule type="cellIs" dxfId="205" priority="85" stopIfTrue="1" operator="greaterThan">
      <formula>0</formula>
    </cfRule>
  </conditionalFormatting>
  <conditionalFormatting sqref="I30">
    <cfRule type="expression" dxfId="204" priority="86" stopIfTrue="1">
      <formula>#REF!&gt;12</formula>
    </cfRule>
  </conditionalFormatting>
  <conditionalFormatting sqref="S27">
    <cfRule type="cellIs" dxfId="203" priority="80" stopIfTrue="1" operator="greaterThan">
      <formula>0</formula>
    </cfRule>
  </conditionalFormatting>
  <conditionalFormatting sqref="S27:T27">
    <cfRule type="expression" dxfId="202" priority="81" stopIfTrue="1">
      <formula>#REF!&gt;12</formula>
    </cfRule>
  </conditionalFormatting>
  <conditionalFormatting sqref="Q27:R27">
    <cfRule type="expression" dxfId="201" priority="82" stopIfTrue="1">
      <formula>ISERROR(Q27)</formula>
    </cfRule>
    <cfRule type="expression" dxfId="200" priority="83" stopIfTrue="1">
      <formula>#REF!&gt;12</formula>
    </cfRule>
  </conditionalFormatting>
  <conditionalFormatting sqref="P27">
    <cfRule type="expression" dxfId="199" priority="84" stopIfTrue="1">
      <formula>#REF!&gt;12</formula>
    </cfRule>
  </conditionalFormatting>
  <conditionalFormatting sqref="I32">
    <cfRule type="cellIs" dxfId="198" priority="78" stopIfTrue="1" operator="greaterThan">
      <formula>0</formula>
    </cfRule>
  </conditionalFormatting>
  <conditionalFormatting sqref="I32">
    <cfRule type="expression" dxfId="197" priority="79" stopIfTrue="1">
      <formula>#REF!&gt;12</formula>
    </cfRule>
  </conditionalFormatting>
  <conditionalFormatting sqref="G25:H28 G18:H19">
    <cfRule type="expression" dxfId="196" priority="75" stopIfTrue="1">
      <formula>ISERROR(G18)</formula>
    </cfRule>
    <cfRule type="expression" dxfId="195" priority="76" stopIfTrue="1">
      <formula>#REF!&gt;12</formula>
    </cfRule>
  </conditionalFormatting>
  <conditionalFormatting sqref="F25:F28 F18:F19">
    <cfRule type="expression" dxfId="194" priority="77" stopIfTrue="1">
      <formula>#REF!&gt;12</formula>
    </cfRule>
  </conditionalFormatting>
  <conditionalFormatting sqref="F27:F35 F15:F21">
    <cfRule type="expression" dxfId="193" priority="67" stopIfTrue="1">
      <formula>#REF!&gt;12</formula>
    </cfRule>
  </conditionalFormatting>
  <conditionalFormatting sqref="G27:H35 G15:H21">
    <cfRule type="expression" dxfId="192" priority="68" stopIfTrue="1">
      <formula>ISERROR(G15)</formula>
    </cfRule>
    <cfRule type="expression" dxfId="191" priority="69" stopIfTrue="1">
      <formula>#REF!&gt;12</formula>
    </cfRule>
  </conditionalFormatting>
  <conditionalFormatting sqref="H13">
    <cfRule type="expression" dxfId="190" priority="70" stopIfTrue="1">
      <formula>ISERROR(H13)</formula>
    </cfRule>
    <cfRule type="expression" dxfId="189" priority="71" stopIfTrue="1">
      <formula>#REF!&gt;12</formula>
    </cfRule>
  </conditionalFormatting>
  <conditionalFormatting sqref="F15">
    <cfRule type="expression" dxfId="188" priority="72" stopIfTrue="1">
      <formula>#REF!&gt;12</formula>
    </cfRule>
  </conditionalFormatting>
  <conditionalFormatting sqref="G15:H15">
    <cfRule type="expression" dxfId="187" priority="73" stopIfTrue="1">
      <formula>ISERROR(G15)</formula>
    </cfRule>
    <cfRule type="expression" dxfId="186" priority="74" stopIfTrue="1">
      <formula>#REF!&gt;12</formula>
    </cfRule>
  </conditionalFormatting>
  <conditionalFormatting sqref="F37">
    <cfRule type="expression" dxfId="185" priority="64" stopIfTrue="1">
      <formula>#REF!&gt;12</formula>
    </cfRule>
  </conditionalFormatting>
  <conditionalFormatting sqref="G37:H37">
    <cfRule type="expression" dxfId="184" priority="65" stopIfTrue="1">
      <formula>ISERROR(G37)</formula>
    </cfRule>
    <cfRule type="expression" dxfId="183" priority="66" stopIfTrue="1">
      <formula>#REF!&gt;12</formula>
    </cfRule>
  </conditionalFormatting>
  <conditionalFormatting sqref="F16">
    <cfRule type="expression" dxfId="182" priority="61" stopIfTrue="1">
      <formula>#REF!&gt;12</formula>
    </cfRule>
  </conditionalFormatting>
  <conditionalFormatting sqref="G16:H16">
    <cfRule type="expression" dxfId="181" priority="62" stopIfTrue="1">
      <formula>ISERROR(G16)</formula>
    </cfRule>
    <cfRule type="expression" dxfId="180" priority="63" stopIfTrue="1">
      <formula>#REF!&gt;12</formula>
    </cfRule>
  </conditionalFormatting>
  <conditionalFormatting sqref="F15">
    <cfRule type="expression" dxfId="179" priority="58" stopIfTrue="1">
      <formula>#REF!&gt;12</formula>
    </cfRule>
  </conditionalFormatting>
  <conditionalFormatting sqref="G15:H15">
    <cfRule type="expression" dxfId="178" priority="59" stopIfTrue="1">
      <formula>ISERROR(G15)</formula>
    </cfRule>
    <cfRule type="expression" dxfId="177" priority="60" stopIfTrue="1">
      <formula>#REF!&gt;12</formula>
    </cfRule>
  </conditionalFormatting>
  <conditionalFormatting sqref="F19">
    <cfRule type="expression" dxfId="176" priority="55" stopIfTrue="1">
      <formula>#REF!&gt;12</formula>
    </cfRule>
  </conditionalFormatting>
  <conditionalFormatting sqref="G19:H19">
    <cfRule type="expression" dxfId="175" priority="56" stopIfTrue="1">
      <formula>ISERROR(G19)</formula>
    </cfRule>
    <cfRule type="expression" dxfId="174" priority="57" stopIfTrue="1">
      <formula>#REF!&gt;12</formula>
    </cfRule>
  </conditionalFormatting>
  <conditionalFormatting sqref="G22:H22">
    <cfRule type="expression" dxfId="173" priority="53" stopIfTrue="1">
      <formula>ISERROR(G22)</formula>
    </cfRule>
    <cfRule type="expression" dxfId="172" priority="54" stopIfTrue="1">
      <formula>#REF!&gt;12</formula>
    </cfRule>
  </conditionalFormatting>
  <conditionalFormatting sqref="F22">
    <cfRule type="expression" dxfId="171" priority="52" stopIfTrue="1">
      <formula>#REF!&gt;12</formula>
    </cfRule>
  </conditionalFormatting>
  <conditionalFormatting sqref="G22:H22">
    <cfRule type="expression" dxfId="170" priority="50" stopIfTrue="1">
      <formula>ISERROR(G22)</formula>
    </cfRule>
    <cfRule type="expression" dxfId="169" priority="51" stopIfTrue="1">
      <formula>#REF!&gt;12</formula>
    </cfRule>
  </conditionalFormatting>
  <conditionalFormatting sqref="F22">
    <cfRule type="expression" dxfId="168" priority="49" stopIfTrue="1">
      <formula>#REF!&gt;12</formula>
    </cfRule>
  </conditionalFormatting>
  <conditionalFormatting sqref="F23">
    <cfRule type="expression" dxfId="167" priority="46" stopIfTrue="1">
      <formula>#REF!&gt;12</formula>
    </cfRule>
  </conditionalFormatting>
  <conditionalFormatting sqref="G23:H23">
    <cfRule type="expression" dxfId="166" priority="47" stopIfTrue="1">
      <formula>ISERROR(G23)</formula>
    </cfRule>
    <cfRule type="expression" dxfId="165" priority="48" stopIfTrue="1">
      <formula>#REF!&gt;12</formula>
    </cfRule>
  </conditionalFormatting>
  <conditionalFormatting sqref="F23">
    <cfRule type="expression" dxfId="164" priority="43" stopIfTrue="1">
      <formula>#REF!&gt;12</formula>
    </cfRule>
  </conditionalFormatting>
  <conditionalFormatting sqref="G23:H23">
    <cfRule type="expression" dxfId="163" priority="44" stopIfTrue="1">
      <formula>ISERROR(G23)</formula>
    </cfRule>
    <cfRule type="expression" dxfId="162" priority="45" stopIfTrue="1">
      <formula>#REF!&gt;12</formula>
    </cfRule>
  </conditionalFormatting>
  <conditionalFormatting sqref="G23:H23">
    <cfRule type="expression" dxfId="161" priority="41" stopIfTrue="1">
      <formula>ISERROR(G23)</formula>
    </cfRule>
    <cfRule type="expression" dxfId="160" priority="42" stopIfTrue="1">
      <formula>#REF!&gt;12</formula>
    </cfRule>
  </conditionalFormatting>
  <conditionalFormatting sqref="F23">
    <cfRule type="expression" dxfId="159" priority="40" stopIfTrue="1">
      <formula>#REF!&gt;12</formula>
    </cfRule>
  </conditionalFormatting>
  <conditionalFormatting sqref="F14">
    <cfRule type="expression" dxfId="158" priority="37" stopIfTrue="1">
      <formula>#REF!&gt;12</formula>
    </cfRule>
  </conditionalFormatting>
  <conditionalFormatting sqref="G14:H14">
    <cfRule type="expression" dxfId="157" priority="38" stopIfTrue="1">
      <formula>ISERROR(G14)</formula>
    </cfRule>
    <cfRule type="expression" dxfId="156" priority="39" stopIfTrue="1">
      <formula>#REF!&gt;12</formula>
    </cfRule>
  </conditionalFormatting>
  <conditionalFormatting sqref="F13">
    <cfRule type="expression" dxfId="155" priority="34" stopIfTrue="1">
      <formula>#REF!&gt;12</formula>
    </cfRule>
  </conditionalFormatting>
  <conditionalFormatting sqref="G13">
    <cfRule type="expression" dxfId="154" priority="35" stopIfTrue="1">
      <formula>ISERROR(G13)</formula>
    </cfRule>
    <cfRule type="expression" dxfId="153" priority="36" stopIfTrue="1">
      <formula>#REF!&gt;12</formula>
    </cfRule>
  </conditionalFormatting>
  <conditionalFormatting sqref="G23:H25">
    <cfRule type="expression" dxfId="152" priority="31" stopIfTrue="1">
      <formula>ISERROR(G23)</formula>
    </cfRule>
    <cfRule type="expression" dxfId="151" priority="32" stopIfTrue="1">
      <formula>#REF!&gt;12</formula>
    </cfRule>
  </conditionalFormatting>
  <conditionalFormatting sqref="F23:F25">
    <cfRule type="expression" dxfId="150" priority="33" stopIfTrue="1">
      <formula>#REF!&gt;12</formula>
    </cfRule>
  </conditionalFormatting>
  <conditionalFormatting sqref="F15">
    <cfRule type="expression" dxfId="149" priority="25" stopIfTrue="1">
      <formula>#REF!&gt;12</formula>
    </cfRule>
  </conditionalFormatting>
  <conditionalFormatting sqref="G15:H15">
    <cfRule type="expression" dxfId="148" priority="26" stopIfTrue="1">
      <formula>ISERROR(G15)</formula>
    </cfRule>
    <cfRule type="expression" dxfId="147" priority="27" stopIfTrue="1">
      <formula>#REF!&gt;12</formula>
    </cfRule>
  </conditionalFormatting>
  <conditionalFormatting sqref="F18">
    <cfRule type="expression" dxfId="146" priority="22" stopIfTrue="1">
      <formula>#REF!&gt;12</formula>
    </cfRule>
  </conditionalFormatting>
  <conditionalFormatting sqref="G18:H18">
    <cfRule type="expression" dxfId="145" priority="23" stopIfTrue="1">
      <formula>ISERROR(G18)</formula>
    </cfRule>
    <cfRule type="expression" dxfId="144" priority="24" stopIfTrue="1">
      <formula>#REF!&gt;12</formula>
    </cfRule>
  </conditionalFormatting>
  <conditionalFormatting sqref="G21:H21">
    <cfRule type="expression" dxfId="143" priority="20" stopIfTrue="1">
      <formula>ISERROR(G21)</formula>
    </cfRule>
    <cfRule type="expression" dxfId="142" priority="21" stopIfTrue="1">
      <formula>#REF!&gt;12</formula>
    </cfRule>
  </conditionalFormatting>
  <conditionalFormatting sqref="F21">
    <cfRule type="expression" dxfId="141" priority="19" stopIfTrue="1">
      <formula>#REF!&gt;12</formula>
    </cfRule>
  </conditionalFormatting>
  <conditionalFormatting sqref="G21:H21">
    <cfRule type="expression" dxfId="140" priority="17" stopIfTrue="1">
      <formula>ISERROR(G21)</formula>
    </cfRule>
    <cfRule type="expression" dxfId="139" priority="18" stopIfTrue="1">
      <formula>#REF!&gt;12</formula>
    </cfRule>
  </conditionalFormatting>
  <conditionalFormatting sqref="F21">
    <cfRule type="expression" dxfId="138" priority="16" stopIfTrue="1">
      <formula>#REF!&gt;12</formula>
    </cfRule>
  </conditionalFormatting>
  <conditionalFormatting sqref="F22">
    <cfRule type="expression" dxfId="137" priority="13" stopIfTrue="1">
      <formula>#REF!&gt;12</formula>
    </cfRule>
  </conditionalFormatting>
  <conditionalFormatting sqref="G22:H22">
    <cfRule type="expression" dxfId="136" priority="14" stopIfTrue="1">
      <formula>ISERROR(G22)</formula>
    </cfRule>
    <cfRule type="expression" dxfId="135" priority="15" stopIfTrue="1">
      <formula>#REF!&gt;12</formula>
    </cfRule>
  </conditionalFormatting>
  <conditionalFormatting sqref="F22">
    <cfRule type="expression" dxfId="134" priority="10" stopIfTrue="1">
      <formula>#REF!&gt;12</formula>
    </cfRule>
  </conditionalFormatting>
  <conditionalFormatting sqref="G22:H22">
    <cfRule type="expression" dxfId="133" priority="11" stopIfTrue="1">
      <formula>ISERROR(G22)</formula>
    </cfRule>
    <cfRule type="expression" dxfId="132" priority="12" stopIfTrue="1">
      <formula>#REF!&gt;12</formula>
    </cfRule>
  </conditionalFormatting>
  <conditionalFormatting sqref="G22:H22">
    <cfRule type="expression" dxfId="131" priority="8" stopIfTrue="1">
      <formula>ISERROR(G22)</formula>
    </cfRule>
    <cfRule type="expression" dxfId="130" priority="9" stopIfTrue="1">
      <formula>#REF!&gt;12</formula>
    </cfRule>
  </conditionalFormatting>
  <conditionalFormatting sqref="F22">
    <cfRule type="expression" dxfId="129" priority="7" stopIfTrue="1">
      <formula>#REF!&gt;12</formula>
    </cfRule>
  </conditionalFormatting>
  <conditionalFormatting sqref="F35">
    <cfRule type="expression" dxfId="128" priority="4" stopIfTrue="1">
      <formula>#REF!&gt;12</formula>
    </cfRule>
  </conditionalFormatting>
  <conditionalFormatting sqref="G35:H35">
    <cfRule type="expression" dxfId="127" priority="5" stopIfTrue="1">
      <formula>ISERROR(G35)</formula>
    </cfRule>
    <cfRule type="expression" dxfId="126" priority="6" stopIfTrue="1">
      <formula>#REF!&gt;12</formula>
    </cfRule>
  </conditionalFormatting>
  <conditionalFormatting sqref="G36:H36">
    <cfRule type="expression" dxfId="125" priority="1" stopIfTrue="1">
      <formula>ISERROR(G36)</formula>
    </cfRule>
    <cfRule type="expression" dxfId="124" priority="2" stopIfTrue="1">
      <formula>#REF!&gt;12</formula>
    </cfRule>
  </conditionalFormatting>
  <conditionalFormatting sqref="F36">
    <cfRule type="expression" dxfId="123" priority="3" stopIfTrue="1">
      <formula>#REF!&gt;12</formula>
    </cfRule>
  </conditionalFormatting>
  <printOptions horizontalCentered="1"/>
  <pageMargins left="0" right="0" top="0.19" bottom="0" header="0" footer="0"/>
  <pageSetup paperSize="9" scale="20" orientation="portrait" r:id="rId1"/>
  <headerFooter alignWithMargins="0"/>
  <rowBreaks count="1" manualBreakCount="1">
    <brk id="36" max="16383" man="1"/>
  </rowBreaks>
  <colBreaks count="1" manualBreakCount="1">
    <brk id="6" max="1048575"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379"/>
  <sheetViews>
    <sheetView showGridLines="0" view="pageBreakPreview" zoomScale="25" zoomScaleNormal="25" zoomScaleSheetLayoutView="25" workbookViewId="0">
      <selection activeCell="Y17" sqref="Y17"/>
    </sheetView>
  </sheetViews>
  <sheetFormatPr defaultColWidth="10.375" defaultRowHeight="25.5"/>
  <cols>
    <col min="1" max="1" width="2.875" style="40" customWidth="1"/>
    <col min="2" max="2" width="18.125" style="42" customWidth="1"/>
    <col min="3" max="3" width="35.875" style="42" customWidth="1"/>
    <col min="4" max="5" width="10.875" style="42" customWidth="1"/>
    <col min="6" max="6" width="88.875" style="43" customWidth="1"/>
    <col min="7" max="7" width="25.875" style="42" customWidth="1"/>
    <col min="8" max="8" width="20.875" style="44" customWidth="1"/>
    <col min="9" max="10" width="20.875" style="40" customWidth="1"/>
    <col min="11" max="11" width="2.875" style="41" customWidth="1"/>
    <col min="12" max="12" width="19.125" style="42" customWidth="1"/>
    <col min="13" max="13" width="35.875" style="42" customWidth="1"/>
    <col min="14" max="15" width="10.875" style="42" customWidth="1"/>
    <col min="16" max="16" width="88.875" style="43" customWidth="1"/>
    <col min="17" max="17" width="25.875" style="42" customWidth="1"/>
    <col min="18" max="18" width="20.875" style="45" customWidth="1"/>
    <col min="19" max="19" width="20.875" style="44" customWidth="1"/>
    <col min="20" max="20" width="20.875" style="40" customWidth="1"/>
    <col min="21" max="21" width="12.125" style="40" customWidth="1"/>
    <col min="22" max="22" width="1.875" style="40" customWidth="1"/>
    <col min="23" max="24" width="12.125" style="40" hidden="1" customWidth="1"/>
    <col min="25" max="16384" width="10.375" style="40"/>
  </cols>
  <sheetData>
    <row r="1" spans="2:24" s="1" customFormat="1" ht="30.6" customHeight="1">
      <c r="P1" s="5"/>
      <c r="Q1" s="2"/>
      <c r="R1" s="6"/>
      <c r="S1" s="3"/>
    </row>
    <row r="2" spans="2:24" s="1" customFormat="1" ht="77.099999999999994" customHeight="1">
      <c r="B2" s="152" t="s">
        <v>98</v>
      </c>
      <c r="C2" s="152"/>
      <c r="D2" s="152"/>
      <c r="E2" s="152"/>
      <c r="F2" s="152"/>
      <c r="G2" s="152"/>
      <c r="H2" s="152"/>
      <c r="I2" s="152"/>
      <c r="J2" s="152"/>
      <c r="K2" s="152"/>
      <c r="L2" s="152"/>
      <c r="M2" s="152"/>
      <c r="N2" s="152"/>
      <c r="O2" s="75"/>
      <c r="P2" s="7"/>
      <c r="Q2" s="8"/>
      <c r="R2" s="6"/>
      <c r="S2" s="9"/>
      <c r="T2" s="9"/>
      <c r="U2" s="10"/>
      <c r="V2" s="10"/>
      <c r="W2" s="10"/>
      <c r="X2" s="10"/>
    </row>
    <row r="3" spans="2:24" s="1" customFormat="1" ht="77.099999999999994" customHeight="1">
      <c r="B3" s="154" t="s">
        <v>104</v>
      </c>
      <c r="C3" s="154"/>
      <c r="D3" s="154"/>
      <c r="E3" s="154"/>
      <c r="F3" s="154"/>
      <c r="G3" s="154"/>
      <c r="H3" s="154"/>
      <c r="I3" s="154"/>
      <c r="J3" s="154"/>
      <c r="K3" s="154"/>
      <c r="L3" s="154"/>
      <c r="M3" s="154"/>
      <c r="N3" s="46"/>
      <c r="O3" s="46"/>
      <c r="P3" s="11"/>
      <c r="Q3" s="8"/>
      <c r="R3" s="6"/>
      <c r="S3" s="12"/>
      <c r="T3" s="13"/>
      <c r="U3" s="13"/>
      <c r="V3" s="13"/>
      <c r="W3" s="13"/>
      <c r="X3" s="13"/>
    </row>
    <row r="4" spans="2:24" s="1" customFormat="1" ht="77.099999999999994" customHeight="1">
      <c r="B4" s="164" t="s">
        <v>105</v>
      </c>
      <c r="C4" s="164"/>
      <c r="D4" s="164"/>
      <c r="E4" s="164"/>
      <c r="F4" s="164"/>
      <c r="G4" s="164"/>
      <c r="H4" s="164"/>
      <c r="I4" s="164"/>
      <c r="J4" s="164"/>
      <c r="K4" s="164"/>
      <c r="L4" s="164"/>
      <c r="M4" s="164"/>
      <c r="N4" s="46"/>
      <c r="O4" s="46"/>
      <c r="P4" s="14"/>
      <c r="Q4" s="15"/>
      <c r="R4" s="16"/>
      <c r="S4" s="17"/>
      <c r="T4" s="17"/>
      <c r="U4" s="17"/>
      <c r="V4" s="17"/>
      <c r="W4" s="17"/>
      <c r="X4" s="17"/>
    </row>
    <row r="5" spans="2:24" s="1" customFormat="1" ht="77.099999999999994" customHeight="1">
      <c r="B5" s="164"/>
      <c r="C5" s="164"/>
      <c r="D5" s="164"/>
      <c r="E5" s="164"/>
      <c r="F5" s="164"/>
      <c r="G5" s="164"/>
      <c r="H5" s="164"/>
      <c r="I5" s="164"/>
      <c r="J5" s="164"/>
      <c r="K5" s="164"/>
      <c r="L5" s="164"/>
      <c r="M5" s="164"/>
      <c r="N5" s="46"/>
      <c r="O5" s="46"/>
      <c r="P5" s="5"/>
      <c r="Q5" s="20"/>
      <c r="R5" s="21"/>
      <c r="S5" s="21"/>
      <c r="T5" s="22"/>
      <c r="U5" s="22"/>
      <c r="V5" s="22"/>
      <c r="W5" s="22"/>
      <c r="X5" s="22"/>
    </row>
    <row r="6" spans="2:24" s="1" customFormat="1" ht="77.099999999999994" customHeight="1">
      <c r="B6" s="164"/>
      <c r="C6" s="164"/>
      <c r="D6" s="164"/>
      <c r="E6" s="164"/>
      <c r="F6" s="164"/>
      <c r="G6" s="164"/>
      <c r="H6" s="164"/>
      <c r="I6" s="164"/>
      <c r="J6" s="164"/>
      <c r="K6" s="164"/>
      <c r="L6" s="164"/>
      <c r="M6" s="164"/>
      <c r="N6" s="46"/>
      <c r="O6" s="46"/>
      <c r="P6" s="5"/>
      <c r="Q6" s="22"/>
      <c r="T6" s="22"/>
      <c r="U6" s="22"/>
      <c r="V6" s="22"/>
      <c r="W6" s="22"/>
      <c r="X6" s="22"/>
    </row>
    <row r="7" spans="2:24" s="1" customFormat="1" ht="77.099999999999994" customHeight="1">
      <c r="B7" s="164"/>
      <c r="C7" s="164"/>
      <c r="D7" s="164"/>
      <c r="E7" s="164"/>
      <c r="F7" s="164"/>
      <c r="G7" s="164"/>
      <c r="H7" s="164"/>
      <c r="I7" s="164"/>
      <c r="J7" s="164"/>
      <c r="K7" s="164"/>
      <c r="L7" s="164"/>
      <c r="M7" s="164"/>
      <c r="N7" s="46"/>
      <c r="O7" s="46"/>
      <c r="P7" s="5"/>
      <c r="Q7" s="22"/>
      <c r="R7" s="21"/>
      <c r="S7" s="22"/>
      <c r="T7" s="22"/>
      <c r="U7" s="22"/>
      <c r="V7" s="22"/>
      <c r="W7" s="22"/>
      <c r="X7" s="22"/>
    </row>
    <row r="8" spans="2:24" s="1" customFormat="1" ht="77.099999999999994" customHeight="1">
      <c r="B8" s="164"/>
      <c r="C8" s="164"/>
      <c r="D8" s="164"/>
      <c r="E8" s="164"/>
      <c r="F8" s="164"/>
      <c r="G8" s="164"/>
      <c r="H8" s="164"/>
      <c r="I8" s="164"/>
      <c r="J8" s="164"/>
      <c r="K8" s="164"/>
      <c r="L8" s="164"/>
      <c r="M8" s="164"/>
      <c r="N8" s="46"/>
      <c r="O8" s="46"/>
      <c r="P8" s="5"/>
      <c r="Q8" s="22"/>
      <c r="R8" s="21"/>
      <c r="S8" s="22"/>
      <c r="T8" s="22"/>
      <c r="U8" s="22"/>
      <c r="V8" s="22"/>
      <c r="W8" s="22"/>
      <c r="X8" s="22"/>
    </row>
    <row r="9" spans="2:24" s="1" customFormat="1" ht="77.099999999999994" customHeight="1">
      <c r="B9" s="161" t="s">
        <v>106</v>
      </c>
      <c r="C9" s="161"/>
      <c r="D9" s="161"/>
      <c r="E9" s="161"/>
      <c r="F9" s="161"/>
      <c r="G9" s="161"/>
      <c r="H9" s="161"/>
      <c r="I9" s="161"/>
      <c r="J9" s="161"/>
      <c r="K9" s="161"/>
      <c r="L9" s="161"/>
      <c r="M9" s="161"/>
      <c r="N9" s="161"/>
      <c r="O9" s="77"/>
      <c r="P9" s="5"/>
      <c r="Q9" s="22"/>
      <c r="R9" s="21"/>
      <c r="S9" s="22"/>
      <c r="T9" s="22"/>
      <c r="U9" s="22"/>
      <c r="V9" s="22"/>
      <c r="W9" s="22"/>
      <c r="X9" s="22"/>
    </row>
    <row r="10" spans="2:24" s="1" customFormat="1" ht="77.099999999999994" customHeight="1">
      <c r="B10" s="47"/>
      <c r="C10" s="157" t="s">
        <v>19</v>
      </c>
      <c r="D10" s="157"/>
      <c r="E10" s="157"/>
      <c r="F10" s="157"/>
      <c r="G10" s="157"/>
      <c r="H10" s="157"/>
      <c r="I10" s="157"/>
      <c r="J10" s="157"/>
      <c r="K10" s="157"/>
      <c r="L10" s="157"/>
      <c r="M10" s="157"/>
      <c r="N10" s="47"/>
      <c r="O10" s="70"/>
      <c r="P10" s="158" t="s">
        <v>17</v>
      </c>
      <c r="Q10" s="158"/>
      <c r="R10" s="158"/>
      <c r="S10" s="158"/>
      <c r="T10" s="22"/>
      <c r="U10" s="22"/>
      <c r="V10" s="22"/>
      <c r="W10" s="22"/>
      <c r="X10" s="22"/>
    </row>
    <row r="11" spans="2:24" s="1" customFormat="1" ht="77.099999999999994" customHeight="1">
      <c r="G11" s="18"/>
      <c r="H11" s="18"/>
      <c r="I11" s="19"/>
      <c r="K11" s="4"/>
      <c r="P11" s="151" t="s">
        <v>18</v>
      </c>
      <c r="Q11" s="151"/>
      <c r="R11" s="151"/>
      <c r="S11" s="151"/>
      <c r="T11" s="22"/>
      <c r="U11" s="22"/>
      <c r="V11" s="22"/>
      <c r="W11" s="22"/>
      <c r="X11" s="22"/>
    </row>
    <row r="12" spans="2:24" s="28" customFormat="1" ht="81.599999999999994" customHeight="1">
      <c r="B12" s="23" t="s">
        <v>20</v>
      </c>
      <c r="C12" s="23" t="s">
        <v>0</v>
      </c>
      <c r="D12" s="23" t="s">
        <v>21</v>
      </c>
      <c r="E12" s="66" t="s">
        <v>73</v>
      </c>
      <c r="F12" s="24" t="s">
        <v>1</v>
      </c>
      <c r="G12" s="24" t="s">
        <v>2</v>
      </c>
      <c r="H12" s="24" t="s">
        <v>3</v>
      </c>
      <c r="I12" s="24" t="s">
        <v>4</v>
      </c>
      <c r="J12" s="26" t="s">
        <v>5</v>
      </c>
      <c r="K12" s="25"/>
      <c r="L12" s="23" t="s">
        <v>20</v>
      </c>
      <c r="M12" s="23" t="s">
        <v>0</v>
      </c>
      <c r="N12" s="23" t="s">
        <v>21</v>
      </c>
      <c r="O12" s="66" t="s">
        <v>73</v>
      </c>
      <c r="P12" s="24" t="s">
        <v>1</v>
      </c>
      <c r="Q12" s="24" t="s">
        <v>2</v>
      </c>
      <c r="R12" s="24" t="s">
        <v>3</v>
      </c>
      <c r="S12" s="24" t="s">
        <v>4</v>
      </c>
      <c r="T12" s="26" t="s">
        <v>5</v>
      </c>
      <c r="U12" s="27"/>
    </row>
    <row r="13" spans="2:24" s="28" customFormat="1" ht="130.35" customHeight="1">
      <c r="B13" s="78">
        <v>1</v>
      </c>
      <c r="C13" s="79" t="s">
        <v>107</v>
      </c>
      <c r="D13" s="80" t="s">
        <v>11</v>
      </c>
      <c r="E13" s="80"/>
      <c r="F13" s="81" t="s">
        <v>108</v>
      </c>
      <c r="G13" s="82" t="s">
        <v>109</v>
      </c>
      <c r="H13" s="83">
        <v>780</v>
      </c>
      <c r="I13" s="84"/>
      <c r="J13" s="85"/>
      <c r="K13" s="86"/>
      <c r="L13" s="78">
        <v>26</v>
      </c>
      <c r="M13" s="87" t="s">
        <v>110</v>
      </c>
      <c r="N13" s="80" t="s">
        <v>9</v>
      </c>
      <c r="O13" s="80"/>
      <c r="P13" s="88" t="s">
        <v>111</v>
      </c>
      <c r="Q13" s="89" t="s">
        <v>112</v>
      </c>
      <c r="R13" s="90" t="s">
        <v>113</v>
      </c>
      <c r="S13" s="91"/>
      <c r="T13" s="92"/>
      <c r="U13" s="29"/>
    </row>
    <row r="14" spans="2:24" s="30" customFormat="1" ht="130.35" customHeight="1">
      <c r="B14" s="78">
        <v>2</v>
      </c>
      <c r="C14" s="87" t="s">
        <v>6</v>
      </c>
      <c r="D14" s="80" t="s">
        <v>11</v>
      </c>
      <c r="E14" s="93"/>
      <c r="F14" s="88" t="s">
        <v>114</v>
      </c>
      <c r="G14" s="94" t="s">
        <v>115</v>
      </c>
      <c r="H14" s="90" t="s">
        <v>116</v>
      </c>
      <c r="I14" s="84"/>
      <c r="J14" s="85"/>
      <c r="K14" s="86"/>
      <c r="L14" s="78">
        <v>27</v>
      </c>
      <c r="M14" s="87" t="s">
        <v>110</v>
      </c>
      <c r="N14" s="80" t="s">
        <v>9</v>
      </c>
      <c r="O14" s="80"/>
      <c r="P14" s="95" t="s">
        <v>117</v>
      </c>
      <c r="Q14" s="89" t="s">
        <v>118</v>
      </c>
      <c r="R14" s="90" t="s">
        <v>119</v>
      </c>
      <c r="S14" s="91"/>
      <c r="T14" s="92"/>
      <c r="U14" s="29"/>
    </row>
    <row r="15" spans="2:24" s="28" customFormat="1" ht="130.35" customHeight="1">
      <c r="B15" s="78">
        <v>3</v>
      </c>
      <c r="C15" s="79" t="s">
        <v>6</v>
      </c>
      <c r="D15" s="80" t="s">
        <v>11</v>
      </c>
      <c r="E15" s="80"/>
      <c r="F15" s="81" t="s">
        <v>120</v>
      </c>
      <c r="G15" s="96" t="s">
        <v>121</v>
      </c>
      <c r="H15" s="83" t="s">
        <v>122</v>
      </c>
      <c r="I15" s="84"/>
      <c r="J15" s="85"/>
      <c r="K15" s="86"/>
      <c r="L15" s="78">
        <v>28</v>
      </c>
      <c r="M15" s="87" t="s">
        <v>110</v>
      </c>
      <c r="N15" s="80" t="s">
        <v>9</v>
      </c>
      <c r="O15" s="80"/>
      <c r="P15" s="88" t="s">
        <v>123</v>
      </c>
      <c r="Q15" s="89" t="s">
        <v>124</v>
      </c>
      <c r="R15" s="97" t="s">
        <v>119</v>
      </c>
      <c r="S15" s="91"/>
      <c r="T15" s="92"/>
      <c r="U15" s="29"/>
    </row>
    <row r="16" spans="2:24" s="28" customFormat="1" ht="130.35" customHeight="1">
      <c r="B16" s="98">
        <v>4</v>
      </c>
      <c r="C16" s="87" t="s">
        <v>7</v>
      </c>
      <c r="D16" s="80" t="s">
        <v>11</v>
      </c>
      <c r="E16" s="80"/>
      <c r="F16" s="88" t="s">
        <v>517</v>
      </c>
      <c r="G16" s="94" t="s">
        <v>125</v>
      </c>
      <c r="H16" s="90" t="s">
        <v>116</v>
      </c>
      <c r="I16" s="84"/>
      <c r="J16" s="85"/>
      <c r="K16" s="86"/>
      <c r="L16" s="78">
        <v>29</v>
      </c>
      <c r="M16" s="87" t="s">
        <v>126</v>
      </c>
      <c r="N16" s="80" t="s">
        <v>9</v>
      </c>
      <c r="O16" s="80"/>
      <c r="P16" s="105" t="s">
        <v>127</v>
      </c>
      <c r="Q16" s="89" t="s">
        <v>128</v>
      </c>
      <c r="R16" s="90" t="s">
        <v>129</v>
      </c>
      <c r="S16" s="91"/>
      <c r="T16" s="92"/>
      <c r="U16" s="29"/>
    </row>
    <row r="17" spans="2:21" s="28" customFormat="1" ht="130.35" customHeight="1">
      <c r="B17" s="78">
        <v>5</v>
      </c>
      <c r="C17" s="79" t="s">
        <v>7</v>
      </c>
      <c r="D17" s="80" t="s">
        <v>11</v>
      </c>
      <c r="E17" s="80"/>
      <c r="F17" s="81" t="s">
        <v>130</v>
      </c>
      <c r="G17" s="96" t="s">
        <v>131</v>
      </c>
      <c r="H17" s="90" t="s">
        <v>122</v>
      </c>
      <c r="I17" s="84"/>
      <c r="J17" s="85"/>
      <c r="K17" s="86"/>
      <c r="L17" s="78">
        <v>30</v>
      </c>
      <c r="M17" s="87" t="s">
        <v>132</v>
      </c>
      <c r="N17" s="80" t="s">
        <v>9</v>
      </c>
      <c r="O17" s="80"/>
      <c r="P17" s="100" t="s">
        <v>516</v>
      </c>
      <c r="Q17" s="101" t="s">
        <v>133</v>
      </c>
      <c r="R17" s="82" t="s">
        <v>134</v>
      </c>
      <c r="S17" s="102"/>
      <c r="T17" s="92"/>
      <c r="U17" s="29"/>
    </row>
    <row r="18" spans="2:21" s="28" customFormat="1" ht="130.35" customHeight="1">
      <c r="B18" s="78">
        <v>6</v>
      </c>
      <c r="C18" s="87" t="s">
        <v>135</v>
      </c>
      <c r="D18" s="80" t="s">
        <v>11</v>
      </c>
      <c r="E18" s="80"/>
      <c r="F18" s="88" t="s">
        <v>518</v>
      </c>
      <c r="G18" s="94" t="s">
        <v>136</v>
      </c>
      <c r="H18" s="90">
        <v>1990</v>
      </c>
      <c r="I18" s="103"/>
      <c r="J18" s="49"/>
      <c r="K18" s="86"/>
      <c r="L18" s="78">
        <v>31</v>
      </c>
      <c r="M18" s="79"/>
      <c r="N18" s="104"/>
      <c r="O18" s="104"/>
      <c r="P18" s="105"/>
      <c r="Q18" s="89"/>
      <c r="R18" s="97"/>
      <c r="S18" s="91"/>
      <c r="T18" s="92"/>
      <c r="U18" s="29"/>
    </row>
    <row r="19" spans="2:21" s="28" customFormat="1" ht="130.35" customHeight="1">
      <c r="B19" s="78">
        <v>7</v>
      </c>
      <c r="C19" s="87" t="s">
        <v>135</v>
      </c>
      <c r="D19" s="80" t="s">
        <v>11</v>
      </c>
      <c r="E19" s="80"/>
      <c r="F19" s="99" t="s">
        <v>137</v>
      </c>
      <c r="G19" s="94" t="s">
        <v>138</v>
      </c>
      <c r="H19" s="90">
        <v>2090</v>
      </c>
      <c r="I19" s="103"/>
      <c r="J19" s="49"/>
      <c r="K19" s="86"/>
      <c r="L19" s="78">
        <v>32</v>
      </c>
      <c r="M19" s="87"/>
      <c r="N19" s="106"/>
      <c r="O19" s="106"/>
      <c r="P19" s="100"/>
      <c r="Q19" s="101"/>
      <c r="R19" s="82"/>
      <c r="S19" s="84"/>
      <c r="T19" s="85"/>
      <c r="U19" s="29"/>
    </row>
    <row r="20" spans="2:21" s="28" customFormat="1" ht="130.35" customHeight="1">
      <c r="B20" s="98">
        <v>8</v>
      </c>
      <c r="C20" s="87" t="s">
        <v>135</v>
      </c>
      <c r="D20" s="80" t="s">
        <v>11</v>
      </c>
      <c r="E20" s="93" t="s">
        <v>74</v>
      </c>
      <c r="F20" s="88" t="s">
        <v>139</v>
      </c>
      <c r="G20" s="94" t="s">
        <v>140</v>
      </c>
      <c r="H20" s="90">
        <v>2090</v>
      </c>
      <c r="I20" s="103"/>
      <c r="J20" s="49"/>
      <c r="K20" s="86"/>
      <c r="L20" s="78">
        <v>33</v>
      </c>
      <c r="M20" s="87"/>
      <c r="N20" s="106"/>
      <c r="O20" s="106"/>
      <c r="P20" s="81"/>
      <c r="Q20" s="101"/>
      <c r="R20" s="82"/>
      <c r="S20" s="91"/>
      <c r="T20" s="92"/>
      <c r="U20" s="29"/>
    </row>
    <row r="21" spans="2:21" s="28" customFormat="1" ht="130.35" customHeight="1">
      <c r="B21" s="78">
        <v>9</v>
      </c>
      <c r="C21" s="87" t="s">
        <v>141</v>
      </c>
      <c r="D21" s="80" t="s">
        <v>11</v>
      </c>
      <c r="E21" s="93" t="s">
        <v>74</v>
      </c>
      <c r="F21" s="88" t="s">
        <v>142</v>
      </c>
      <c r="G21" s="94" t="s">
        <v>143</v>
      </c>
      <c r="H21" s="90" t="s">
        <v>144</v>
      </c>
      <c r="I21" s="103"/>
      <c r="J21" s="49"/>
      <c r="K21" s="86"/>
      <c r="L21" s="78">
        <v>34</v>
      </c>
      <c r="M21" s="87"/>
      <c r="N21" s="106"/>
      <c r="O21" s="106"/>
      <c r="P21" s="81"/>
      <c r="Q21" s="101"/>
      <c r="R21" s="82"/>
      <c r="S21" s="91"/>
      <c r="T21" s="92"/>
      <c r="U21" s="29"/>
    </row>
    <row r="22" spans="2:21" s="28" customFormat="1" ht="130.35" customHeight="1">
      <c r="B22" s="78">
        <v>10</v>
      </c>
      <c r="C22" s="87" t="s">
        <v>145</v>
      </c>
      <c r="D22" s="80" t="s">
        <v>11</v>
      </c>
      <c r="E22" s="80"/>
      <c r="F22" s="88" t="s">
        <v>146</v>
      </c>
      <c r="G22" s="94" t="s">
        <v>147</v>
      </c>
      <c r="H22" s="90" t="s">
        <v>148</v>
      </c>
      <c r="I22" s="103"/>
      <c r="J22" s="49"/>
      <c r="K22" s="86"/>
      <c r="L22" s="78">
        <v>35</v>
      </c>
      <c r="M22" s="87"/>
      <c r="N22" s="106"/>
      <c r="O22" s="106"/>
      <c r="P22" s="81"/>
      <c r="Q22" s="101"/>
      <c r="R22" s="82"/>
      <c r="S22" s="91"/>
      <c r="T22" s="92"/>
    </row>
    <row r="23" spans="2:21" s="28" customFormat="1" ht="130.35" customHeight="1">
      <c r="B23" s="78">
        <v>11</v>
      </c>
      <c r="C23" s="87" t="s">
        <v>6</v>
      </c>
      <c r="D23" s="106" t="s">
        <v>42</v>
      </c>
      <c r="E23" s="106"/>
      <c r="F23" s="100" t="s">
        <v>149</v>
      </c>
      <c r="G23" s="96" t="s">
        <v>150</v>
      </c>
      <c r="H23" s="107" t="s">
        <v>151</v>
      </c>
      <c r="I23" s="103"/>
      <c r="J23" s="49"/>
      <c r="K23" s="86"/>
      <c r="L23" s="78">
        <v>36</v>
      </c>
      <c r="M23" s="87"/>
      <c r="N23" s="80"/>
      <c r="O23" s="80"/>
      <c r="P23" s="108"/>
      <c r="Q23" s="89"/>
      <c r="R23" s="97"/>
      <c r="S23" s="91"/>
      <c r="T23" s="92"/>
      <c r="U23" s="29"/>
    </row>
    <row r="24" spans="2:21" s="28" customFormat="1" ht="130.35" customHeight="1">
      <c r="B24" s="98">
        <v>12</v>
      </c>
      <c r="C24" s="87" t="s">
        <v>6</v>
      </c>
      <c r="D24" s="106" t="s">
        <v>42</v>
      </c>
      <c r="E24" s="106"/>
      <c r="F24" s="81" t="s">
        <v>152</v>
      </c>
      <c r="G24" s="96" t="s">
        <v>153</v>
      </c>
      <c r="H24" s="107" t="s">
        <v>154</v>
      </c>
      <c r="I24" s="103"/>
      <c r="J24" s="49"/>
      <c r="K24" s="86"/>
      <c r="L24" s="78">
        <v>37</v>
      </c>
      <c r="M24" s="87"/>
      <c r="N24" s="80"/>
      <c r="O24" s="80"/>
      <c r="P24" s="95"/>
      <c r="Q24" s="89"/>
      <c r="R24" s="90"/>
      <c r="S24" s="91"/>
      <c r="T24" s="92"/>
      <c r="U24" s="29"/>
    </row>
    <row r="25" spans="2:21" s="28" customFormat="1" ht="130.35" customHeight="1">
      <c r="B25" s="78">
        <v>13</v>
      </c>
      <c r="C25" s="87" t="s">
        <v>6</v>
      </c>
      <c r="D25" s="106" t="s">
        <v>42</v>
      </c>
      <c r="E25" s="106"/>
      <c r="F25" s="81" t="s">
        <v>155</v>
      </c>
      <c r="G25" s="96" t="s">
        <v>156</v>
      </c>
      <c r="H25" s="107" t="s">
        <v>154</v>
      </c>
      <c r="I25" s="103"/>
      <c r="J25" s="109"/>
      <c r="K25" s="86"/>
      <c r="L25" s="78">
        <v>38</v>
      </c>
      <c r="M25" s="87"/>
      <c r="N25" s="80"/>
      <c r="O25" s="80"/>
      <c r="P25" s="95"/>
      <c r="Q25" s="89"/>
      <c r="R25" s="90"/>
      <c r="S25" s="91"/>
      <c r="T25" s="92"/>
      <c r="U25" s="29"/>
    </row>
    <row r="26" spans="2:21" s="28" customFormat="1" ht="130.35" customHeight="1">
      <c r="B26" s="78">
        <v>14</v>
      </c>
      <c r="C26" s="87" t="s">
        <v>157</v>
      </c>
      <c r="D26" s="106" t="s">
        <v>42</v>
      </c>
      <c r="E26" s="106"/>
      <c r="F26" s="110" t="s">
        <v>158</v>
      </c>
      <c r="G26" s="96" t="s">
        <v>159</v>
      </c>
      <c r="H26" s="107">
        <v>1580</v>
      </c>
      <c r="I26" s="103"/>
      <c r="J26" s="109"/>
      <c r="K26" s="86"/>
      <c r="L26" s="78">
        <v>39</v>
      </c>
      <c r="M26" s="87"/>
      <c r="N26" s="80"/>
      <c r="O26" s="80"/>
      <c r="P26" s="95"/>
      <c r="Q26" s="89"/>
      <c r="R26" s="97"/>
      <c r="S26" s="91"/>
      <c r="T26" s="92"/>
      <c r="U26" s="29"/>
    </row>
    <row r="27" spans="2:21" s="28" customFormat="1" ht="130.35" customHeight="1">
      <c r="B27" s="78">
        <v>15</v>
      </c>
      <c r="C27" s="87" t="s">
        <v>126</v>
      </c>
      <c r="D27" s="106" t="s">
        <v>42</v>
      </c>
      <c r="E27" s="111"/>
      <c r="F27" s="148" t="s">
        <v>514</v>
      </c>
      <c r="G27" s="96" t="s">
        <v>160</v>
      </c>
      <c r="H27" s="107" t="s">
        <v>161</v>
      </c>
      <c r="I27" s="103"/>
      <c r="J27" s="109"/>
      <c r="K27" s="86"/>
      <c r="L27" s="78">
        <v>40</v>
      </c>
      <c r="M27" s="87"/>
      <c r="N27" s="106"/>
      <c r="O27" s="106"/>
      <c r="P27" s="113"/>
      <c r="Q27" s="96"/>
      <c r="R27" s="107"/>
      <c r="S27" s="91"/>
      <c r="T27" s="92"/>
      <c r="U27" s="29"/>
    </row>
    <row r="28" spans="2:21" s="28" customFormat="1" ht="130.35" customHeight="1">
      <c r="B28" s="98">
        <v>16</v>
      </c>
      <c r="C28" s="87" t="s">
        <v>10</v>
      </c>
      <c r="D28" s="106" t="s">
        <v>9</v>
      </c>
      <c r="E28" s="114"/>
      <c r="F28" s="100" t="s">
        <v>162</v>
      </c>
      <c r="G28" s="96" t="s">
        <v>163</v>
      </c>
      <c r="H28" s="107" t="s">
        <v>161</v>
      </c>
      <c r="I28" s="103"/>
      <c r="J28" s="109"/>
      <c r="K28" s="86"/>
      <c r="L28" s="78">
        <v>41</v>
      </c>
      <c r="M28" s="87"/>
      <c r="N28" s="106"/>
      <c r="O28" s="106"/>
      <c r="P28" s="81"/>
      <c r="Q28" s="101"/>
      <c r="R28" s="82"/>
      <c r="S28" s="91"/>
      <c r="T28" s="92"/>
      <c r="U28" s="29"/>
    </row>
    <row r="29" spans="2:21" s="28" customFormat="1" ht="130.35" customHeight="1">
      <c r="B29" s="78">
        <v>17</v>
      </c>
      <c r="C29" s="87" t="s">
        <v>10</v>
      </c>
      <c r="D29" s="106" t="s">
        <v>9</v>
      </c>
      <c r="E29" s="106"/>
      <c r="F29" s="115" t="s">
        <v>164</v>
      </c>
      <c r="G29" s="96" t="s">
        <v>165</v>
      </c>
      <c r="H29" s="107" t="s">
        <v>166</v>
      </c>
      <c r="I29" s="103"/>
      <c r="J29" s="109"/>
      <c r="K29" s="86"/>
      <c r="L29" s="78">
        <v>42</v>
      </c>
      <c r="M29" s="87"/>
      <c r="N29" s="106"/>
      <c r="O29" s="106"/>
      <c r="P29" s="81"/>
      <c r="Q29" s="101"/>
      <c r="R29" s="82"/>
      <c r="S29" s="91"/>
      <c r="T29" s="92"/>
      <c r="U29" s="29"/>
    </row>
    <row r="30" spans="2:21" s="28" customFormat="1" ht="130.35" customHeight="1">
      <c r="B30" s="78">
        <v>18</v>
      </c>
      <c r="C30" s="87" t="s">
        <v>167</v>
      </c>
      <c r="D30" s="106" t="s">
        <v>9</v>
      </c>
      <c r="E30" s="106"/>
      <c r="F30" s="115" t="s">
        <v>168</v>
      </c>
      <c r="G30" s="101" t="s">
        <v>169</v>
      </c>
      <c r="H30" s="82">
        <v>2690</v>
      </c>
      <c r="I30" s="103"/>
      <c r="J30" s="109"/>
      <c r="K30" s="86"/>
      <c r="L30" s="78">
        <v>43</v>
      </c>
      <c r="M30" s="87"/>
      <c r="N30" s="80"/>
      <c r="O30" s="80"/>
      <c r="P30" s="88"/>
      <c r="Q30" s="94"/>
      <c r="R30" s="90"/>
      <c r="S30" s="91"/>
      <c r="T30" s="92"/>
      <c r="U30" s="29"/>
    </row>
    <row r="31" spans="2:21" s="28" customFormat="1" ht="130.35" customHeight="1">
      <c r="B31" s="78">
        <v>19</v>
      </c>
      <c r="C31" s="87" t="s">
        <v>170</v>
      </c>
      <c r="D31" s="80" t="s">
        <v>9</v>
      </c>
      <c r="E31" s="80"/>
      <c r="F31" s="88" t="s">
        <v>513</v>
      </c>
      <c r="G31" s="94" t="s">
        <v>171</v>
      </c>
      <c r="H31" s="90" t="s">
        <v>172</v>
      </c>
      <c r="I31" s="103"/>
      <c r="J31" s="109"/>
      <c r="K31" s="86"/>
      <c r="L31" s="78">
        <v>44</v>
      </c>
      <c r="M31" s="116"/>
      <c r="N31" s="116"/>
      <c r="O31" s="116"/>
      <c r="P31" s="99"/>
      <c r="Q31" s="89"/>
      <c r="R31" s="117"/>
      <c r="S31" s="91"/>
      <c r="T31" s="92"/>
      <c r="U31" s="29"/>
    </row>
    <row r="32" spans="2:21" s="28" customFormat="1" ht="130.35" customHeight="1">
      <c r="B32" s="98">
        <v>20</v>
      </c>
      <c r="C32" s="87" t="s">
        <v>173</v>
      </c>
      <c r="D32" s="80" t="s">
        <v>9</v>
      </c>
      <c r="E32" s="118"/>
      <c r="F32" s="119" t="s">
        <v>174</v>
      </c>
      <c r="G32" s="94" t="s">
        <v>175</v>
      </c>
      <c r="H32" s="90" t="s">
        <v>176</v>
      </c>
      <c r="I32" s="103"/>
      <c r="J32" s="109"/>
      <c r="K32" s="86"/>
      <c r="L32" s="78">
        <v>45</v>
      </c>
      <c r="M32" s="116"/>
      <c r="N32" s="116"/>
      <c r="O32" s="116"/>
      <c r="P32" s="99"/>
      <c r="Q32" s="89"/>
      <c r="R32" s="117"/>
      <c r="S32" s="91"/>
      <c r="T32" s="92"/>
      <c r="U32" s="29"/>
    </row>
    <row r="33" spans="2:24" s="28" customFormat="1" ht="130.35" customHeight="1">
      <c r="B33" s="78">
        <v>21</v>
      </c>
      <c r="C33" s="87" t="s">
        <v>177</v>
      </c>
      <c r="D33" s="80" t="s">
        <v>9</v>
      </c>
      <c r="E33" s="118" t="s">
        <v>74</v>
      </c>
      <c r="F33" s="119" t="s">
        <v>178</v>
      </c>
      <c r="G33" s="94" t="s">
        <v>179</v>
      </c>
      <c r="H33" s="90">
        <v>1430</v>
      </c>
      <c r="I33" s="103"/>
      <c r="J33" s="109"/>
      <c r="K33" s="86"/>
      <c r="L33" s="78">
        <v>46</v>
      </c>
      <c r="M33" s="116"/>
      <c r="N33" s="116"/>
      <c r="O33" s="116"/>
      <c r="P33" s="99"/>
      <c r="Q33" s="89"/>
      <c r="R33" s="117"/>
      <c r="S33" s="91"/>
      <c r="T33" s="92"/>
      <c r="U33" s="29"/>
    </row>
    <row r="34" spans="2:24" s="28" customFormat="1" ht="130.35" customHeight="1">
      <c r="B34" s="78">
        <v>22</v>
      </c>
      <c r="C34" s="87" t="s">
        <v>180</v>
      </c>
      <c r="D34" s="80" t="s">
        <v>9</v>
      </c>
      <c r="E34" s="80"/>
      <c r="F34" s="119" t="s">
        <v>181</v>
      </c>
      <c r="G34" s="89" t="s">
        <v>182</v>
      </c>
      <c r="H34" s="97">
        <v>1900</v>
      </c>
      <c r="I34" s="103"/>
      <c r="J34" s="109"/>
      <c r="K34" s="86"/>
      <c r="L34" s="78">
        <v>47</v>
      </c>
      <c r="M34" s="116"/>
      <c r="N34" s="116"/>
      <c r="O34" s="116"/>
      <c r="P34" s="99"/>
      <c r="Q34" s="89"/>
      <c r="R34" s="117"/>
      <c r="S34" s="91"/>
      <c r="T34" s="92"/>
      <c r="U34" s="29"/>
    </row>
    <row r="35" spans="2:24" s="28" customFormat="1" ht="130.35" customHeight="1">
      <c r="B35" s="78">
        <v>23</v>
      </c>
      <c r="C35" s="87" t="s">
        <v>14</v>
      </c>
      <c r="D35" s="80" t="s">
        <v>9</v>
      </c>
      <c r="E35" s="80"/>
      <c r="F35" s="99" t="s">
        <v>183</v>
      </c>
      <c r="G35" s="94" t="s">
        <v>184</v>
      </c>
      <c r="H35" s="90" t="s">
        <v>185</v>
      </c>
      <c r="I35" s="103"/>
      <c r="J35" s="109"/>
      <c r="K35" s="86"/>
      <c r="L35" s="78">
        <v>48</v>
      </c>
      <c r="M35" s="116"/>
      <c r="N35" s="116"/>
      <c r="O35" s="116"/>
      <c r="P35" s="99"/>
      <c r="Q35" s="89"/>
      <c r="R35" s="117"/>
      <c r="S35" s="91"/>
      <c r="T35" s="92"/>
      <c r="U35" s="29"/>
    </row>
    <row r="36" spans="2:24" s="28" customFormat="1" ht="130.35" customHeight="1">
      <c r="B36" s="98">
        <v>24</v>
      </c>
      <c r="C36" s="87" t="s">
        <v>186</v>
      </c>
      <c r="D36" s="80" t="s">
        <v>9</v>
      </c>
      <c r="E36" s="80"/>
      <c r="F36" s="147" t="s">
        <v>515</v>
      </c>
      <c r="G36" s="89" t="s">
        <v>187</v>
      </c>
      <c r="H36" s="90" t="s">
        <v>129</v>
      </c>
      <c r="I36" s="103"/>
      <c r="J36" s="109"/>
      <c r="K36" s="86"/>
      <c r="L36" s="78">
        <v>49</v>
      </c>
      <c r="M36" s="116"/>
      <c r="N36" s="116"/>
      <c r="O36" s="116"/>
      <c r="P36" s="99"/>
      <c r="Q36" s="89"/>
      <c r="R36" s="117"/>
      <c r="S36" s="91"/>
      <c r="T36" s="92"/>
      <c r="U36" s="29"/>
    </row>
    <row r="37" spans="2:24" s="28" customFormat="1" ht="130.35" customHeight="1">
      <c r="B37" s="78">
        <v>25</v>
      </c>
      <c r="C37" s="87" t="s">
        <v>14</v>
      </c>
      <c r="D37" s="80" t="s">
        <v>9</v>
      </c>
      <c r="E37" s="80"/>
      <c r="F37" s="99" t="s">
        <v>188</v>
      </c>
      <c r="G37" s="89" t="s">
        <v>189</v>
      </c>
      <c r="H37" s="90">
        <v>2880</v>
      </c>
      <c r="I37" s="103"/>
      <c r="J37" s="109"/>
      <c r="K37" s="86"/>
      <c r="L37" s="78">
        <v>50</v>
      </c>
      <c r="M37" s="116"/>
      <c r="N37" s="116"/>
      <c r="O37" s="116"/>
      <c r="P37" s="99"/>
      <c r="Q37" s="89"/>
      <c r="R37" s="117"/>
      <c r="S37" s="91"/>
      <c r="T37" s="92"/>
      <c r="U37" s="29"/>
    </row>
    <row r="38" spans="2:24" s="35" customFormat="1" ht="96.6" customHeight="1">
      <c r="B38" s="31"/>
      <c r="E38" s="69"/>
      <c r="K38" s="17"/>
      <c r="L38" s="31"/>
      <c r="M38" s="31"/>
      <c r="N38" s="31"/>
      <c r="O38" s="31"/>
      <c r="P38" s="31"/>
      <c r="Q38" s="31"/>
      <c r="R38" s="31"/>
      <c r="S38" s="1"/>
      <c r="T38" s="31"/>
      <c r="U38" s="34"/>
    </row>
    <row r="39" spans="2:24" s="35" customFormat="1" ht="30.6" customHeight="1">
      <c r="B39" s="31"/>
      <c r="C39" s="31"/>
      <c r="D39" s="31"/>
      <c r="E39" s="1"/>
      <c r="F39" s="31"/>
      <c r="G39" s="31"/>
      <c r="H39" s="32"/>
      <c r="I39" s="32"/>
      <c r="J39" s="32"/>
      <c r="K39" s="17"/>
      <c r="L39" s="1"/>
      <c r="M39" s="1"/>
      <c r="N39" s="1"/>
      <c r="O39" s="1"/>
      <c r="P39" s="3"/>
      <c r="Q39" s="1"/>
      <c r="R39" s="33"/>
      <c r="S39" s="1"/>
      <c r="T39" s="36"/>
      <c r="U39" s="37"/>
      <c r="V39" s="38"/>
      <c r="W39" s="38"/>
      <c r="X39" s="38"/>
    </row>
    <row r="40" spans="2:24" s="1" customFormat="1" ht="48.95" customHeight="1">
      <c r="E40" s="42"/>
      <c r="I40" s="32"/>
      <c r="J40" s="32"/>
      <c r="K40" s="39"/>
      <c r="L40" s="40"/>
      <c r="M40" s="42"/>
      <c r="N40" s="42"/>
      <c r="O40" s="42"/>
      <c r="P40" s="43"/>
      <c r="Q40" s="42"/>
      <c r="R40" s="45"/>
      <c r="T40" s="34"/>
      <c r="U40" s="34"/>
      <c r="V40" s="34"/>
      <c r="W40" s="34"/>
      <c r="X40" s="34"/>
    </row>
    <row r="41" spans="2:24" ht="13.5">
      <c r="B41" s="40"/>
      <c r="C41" s="40"/>
      <c r="D41" s="40"/>
      <c r="E41" s="40"/>
      <c r="F41" s="40"/>
      <c r="G41" s="40"/>
      <c r="H41" s="40"/>
      <c r="L41" s="40"/>
      <c r="M41" s="40"/>
      <c r="N41" s="40"/>
      <c r="O41" s="40"/>
      <c r="P41" s="40"/>
      <c r="Q41" s="40"/>
      <c r="R41" s="40"/>
      <c r="S41" s="40"/>
    </row>
    <row r="42" spans="2:24" ht="13.5">
      <c r="B42" s="40"/>
      <c r="C42" s="40"/>
      <c r="D42" s="40"/>
      <c r="E42" s="40"/>
      <c r="F42" s="40"/>
      <c r="G42" s="40"/>
      <c r="H42" s="40"/>
      <c r="L42" s="40"/>
      <c r="M42" s="40"/>
      <c r="N42" s="40"/>
      <c r="O42" s="40"/>
      <c r="P42" s="40"/>
      <c r="Q42" s="40"/>
      <c r="R42" s="40"/>
      <c r="S42" s="40"/>
    </row>
    <row r="43" spans="2:24" ht="13.5">
      <c r="B43" s="40"/>
      <c r="C43" s="40"/>
      <c r="D43" s="40"/>
      <c r="E43" s="40"/>
      <c r="F43" s="40"/>
      <c r="G43" s="40"/>
      <c r="H43" s="40"/>
      <c r="L43" s="40"/>
      <c r="M43" s="40"/>
      <c r="N43" s="40"/>
      <c r="O43" s="40"/>
      <c r="P43" s="40"/>
      <c r="Q43" s="40"/>
      <c r="R43" s="40"/>
      <c r="S43" s="40"/>
    </row>
    <row r="44" spans="2:24" ht="13.5">
      <c r="B44" s="40"/>
      <c r="C44" s="40"/>
      <c r="D44" s="40"/>
      <c r="E44" s="40"/>
      <c r="F44" s="40"/>
      <c r="G44" s="40"/>
      <c r="H44" s="40"/>
      <c r="L44" s="40"/>
      <c r="M44" s="40"/>
      <c r="N44" s="40"/>
      <c r="O44" s="40"/>
      <c r="P44" s="40"/>
      <c r="Q44" s="40"/>
      <c r="R44" s="40"/>
      <c r="S44" s="40"/>
    </row>
    <row r="45" spans="2:24" ht="13.5">
      <c r="B45" s="40"/>
      <c r="C45" s="40"/>
      <c r="D45" s="40"/>
      <c r="E45" s="40"/>
      <c r="F45" s="40"/>
      <c r="G45" s="40"/>
      <c r="H45" s="40"/>
      <c r="L45" s="40"/>
      <c r="M45" s="40"/>
      <c r="N45" s="40"/>
      <c r="O45" s="40"/>
      <c r="P45" s="40"/>
      <c r="Q45" s="40"/>
      <c r="R45" s="40"/>
      <c r="S45" s="40"/>
    </row>
    <row r="46" spans="2:24" ht="13.5">
      <c r="B46" s="40"/>
      <c r="C46" s="40"/>
      <c r="D46" s="40"/>
      <c r="E46" s="40"/>
      <c r="F46" s="40"/>
      <c r="G46" s="40"/>
      <c r="H46" s="40"/>
      <c r="L46" s="40"/>
      <c r="M46" s="40"/>
      <c r="N46" s="40"/>
      <c r="O46" s="40"/>
      <c r="P46" s="40"/>
      <c r="Q46" s="40"/>
      <c r="R46" s="40"/>
      <c r="S46" s="40"/>
    </row>
    <row r="47" spans="2:24" ht="13.5">
      <c r="B47" s="40"/>
      <c r="C47" s="40"/>
      <c r="D47" s="40"/>
      <c r="E47" s="40"/>
      <c r="F47" s="40"/>
      <c r="G47" s="40"/>
      <c r="H47" s="40"/>
      <c r="L47" s="40"/>
      <c r="M47" s="40"/>
      <c r="N47" s="40"/>
      <c r="O47" s="40"/>
      <c r="P47" s="40"/>
      <c r="Q47" s="40"/>
      <c r="R47" s="40"/>
      <c r="S47" s="40"/>
    </row>
    <row r="48" spans="2:24" ht="13.5">
      <c r="B48" s="40"/>
      <c r="C48" s="40"/>
      <c r="D48" s="40"/>
      <c r="E48" s="40"/>
      <c r="F48" s="40"/>
      <c r="G48" s="40"/>
      <c r="H48" s="40"/>
      <c r="L48" s="40"/>
      <c r="M48" s="40"/>
      <c r="N48" s="40"/>
      <c r="O48" s="40"/>
      <c r="P48" s="40"/>
      <c r="Q48" s="40"/>
      <c r="R48" s="40"/>
      <c r="S48" s="40"/>
    </row>
    <row r="49" spans="2:19" ht="13.5">
      <c r="B49" s="40"/>
      <c r="C49" s="40"/>
      <c r="D49" s="40"/>
      <c r="E49" s="40"/>
      <c r="F49" s="40"/>
      <c r="G49" s="40"/>
      <c r="H49" s="40"/>
      <c r="L49" s="40"/>
      <c r="M49" s="40"/>
      <c r="N49" s="40"/>
      <c r="O49" s="40"/>
      <c r="P49" s="40"/>
      <c r="Q49" s="40"/>
      <c r="R49" s="40"/>
      <c r="S49" s="40"/>
    </row>
    <row r="50" spans="2:19" ht="13.5">
      <c r="B50" s="40"/>
      <c r="C50" s="40"/>
      <c r="D50" s="40"/>
      <c r="E50" s="40"/>
      <c r="F50" s="40"/>
      <c r="G50" s="40"/>
      <c r="H50" s="40"/>
      <c r="L50" s="40"/>
      <c r="M50" s="40"/>
      <c r="N50" s="40"/>
      <c r="O50" s="40"/>
      <c r="P50" s="40"/>
      <c r="Q50" s="40"/>
      <c r="R50" s="40"/>
      <c r="S50" s="40"/>
    </row>
    <row r="51" spans="2:19" ht="13.5">
      <c r="B51" s="40"/>
      <c r="C51" s="40"/>
      <c r="D51" s="40"/>
      <c r="E51" s="40"/>
      <c r="F51" s="40"/>
      <c r="G51" s="40"/>
      <c r="H51" s="40"/>
      <c r="L51" s="40"/>
      <c r="M51" s="40"/>
      <c r="N51" s="40"/>
      <c r="O51" s="40"/>
      <c r="P51" s="40"/>
      <c r="Q51" s="40"/>
      <c r="R51" s="40"/>
      <c r="S51" s="40"/>
    </row>
    <row r="52" spans="2:19" ht="13.5">
      <c r="B52" s="40"/>
      <c r="C52" s="40"/>
      <c r="D52" s="40"/>
      <c r="E52" s="40"/>
      <c r="F52" s="40"/>
      <c r="G52" s="40"/>
      <c r="H52" s="40"/>
      <c r="L52" s="40"/>
      <c r="M52" s="40"/>
      <c r="N52" s="40"/>
      <c r="O52" s="40"/>
      <c r="P52" s="40"/>
      <c r="Q52" s="40"/>
      <c r="R52" s="40"/>
      <c r="S52" s="40"/>
    </row>
    <row r="53" spans="2:19" ht="13.5">
      <c r="B53" s="40"/>
      <c r="C53" s="40"/>
      <c r="D53" s="40"/>
      <c r="E53" s="40"/>
      <c r="F53" s="40"/>
      <c r="G53" s="40"/>
      <c r="H53" s="40"/>
      <c r="L53" s="40"/>
      <c r="M53" s="40"/>
      <c r="N53" s="40"/>
      <c r="O53" s="40"/>
      <c r="P53" s="40"/>
      <c r="Q53" s="40"/>
      <c r="R53" s="40"/>
      <c r="S53" s="40"/>
    </row>
    <row r="54" spans="2:19" ht="54.95" customHeight="1">
      <c r="B54" s="40"/>
      <c r="C54" s="40"/>
      <c r="D54" s="40"/>
      <c r="E54" s="40"/>
      <c r="F54" s="40"/>
      <c r="G54" s="40"/>
      <c r="H54" s="40"/>
      <c r="L54" s="40"/>
      <c r="M54" s="40"/>
      <c r="N54" s="40"/>
      <c r="O54" s="40"/>
      <c r="P54" s="40"/>
      <c r="Q54" s="40"/>
      <c r="R54" s="40"/>
      <c r="S54" s="40"/>
    </row>
    <row r="55" spans="2:19" ht="13.5">
      <c r="B55" s="40"/>
      <c r="C55" s="40"/>
      <c r="D55" s="40"/>
      <c r="E55" s="40"/>
      <c r="F55" s="40"/>
      <c r="G55" s="40"/>
      <c r="H55" s="40"/>
      <c r="L55" s="40"/>
      <c r="M55" s="40"/>
      <c r="N55" s="40"/>
      <c r="O55" s="40"/>
      <c r="P55" s="40"/>
      <c r="Q55" s="40"/>
      <c r="R55" s="40"/>
      <c r="S55" s="40"/>
    </row>
    <row r="56" spans="2:19" ht="13.5">
      <c r="B56" s="40"/>
      <c r="C56" s="40"/>
      <c r="D56" s="40"/>
      <c r="E56" s="40"/>
      <c r="F56" s="40"/>
      <c r="G56" s="40"/>
      <c r="H56" s="40"/>
      <c r="L56" s="40"/>
      <c r="M56" s="40"/>
      <c r="N56" s="40"/>
      <c r="O56" s="40"/>
      <c r="P56" s="40"/>
      <c r="Q56" s="40"/>
      <c r="R56" s="40"/>
      <c r="S56" s="40"/>
    </row>
    <row r="57" spans="2:19" ht="13.5">
      <c r="B57" s="40"/>
      <c r="C57" s="40"/>
      <c r="D57" s="40"/>
      <c r="E57" s="40"/>
      <c r="F57" s="40"/>
      <c r="G57" s="40"/>
      <c r="H57" s="40"/>
      <c r="L57" s="40"/>
      <c r="M57" s="40"/>
      <c r="N57" s="40"/>
      <c r="O57" s="40"/>
      <c r="P57" s="40"/>
      <c r="Q57" s="40"/>
      <c r="R57" s="40"/>
      <c r="S57" s="40"/>
    </row>
    <row r="58" spans="2:19" ht="13.5">
      <c r="B58" s="40"/>
      <c r="C58" s="40"/>
      <c r="D58" s="40"/>
      <c r="E58" s="40"/>
      <c r="F58" s="40"/>
      <c r="G58" s="40"/>
      <c r="H58" s="40"/>
      <c r="L58" s="40"/>
      <c r="M58" s="40"/>
      <c r="N58" s="40"/>
      <c r="O58" s="40"/>
      <c r="P58" s="40"/>
      <c r="Q58" s="40"/>
      <c r="R58" s="40"/>
      <c r="S58" s="40"/>
    </row>
    <row r="59" spans="2:19" ht="13.5">
      <c r="B59" s="40"/>
      <c r="C59" s="40"/>
      <c r="D59" s="40"/>
      <c r="E59" s="40"/>
      <c r="F59" s="40"/>
      <c r="G59" s="40"/>
      <c r="H59" s="40"/>
      <c r="L59" s="40"/>
      <c r="M59" s="40"/>
      <c r="N59" s="40"/>
      <c r="O59" s="40"/>
      <c r="P59" s="40"/>
      <c r="Q59" s="40"/>
      <c r="R59" s="40"/>
      <c r="S59" s="40"/>
    </row>
    <row r="60" spans="2:19" ht="13.5">
      <c r="B60" s="40"/>
      <c r="C60" s="40"/>
      <c r="D60" s="40"/>
      <c r="E60" s="40"/>
      <c r="F60" s="40"/>
      <c r="G60" s="40"/>
      <c r="H60" s="40"/>
      <c r="L60" s="40"/>
      <c r="M60" s="40"/>
      <c r="N60" s="40"/>
      <c r="O60" s="40"/>
      <c r="P60" s="40"/>
      <c r="Q60" s="40"/>
      <c r="R60" s="40"/>
      <c r="S60" s="40"/>
    </row>
    <row r="61" spans="2:19" ht="13.5">
      <c r="B61" s="40"/>
      <c r="C61" s="40"/>
      <c r="D61" s="40"/>
      <c r="E61" s="40"/>
      <c r="F61" s="40"/>
      <c r="G61" s="40"/>
      <c r="H61" s="40"/>
      <c r="L61" s="40"/>
      <c r="M61" s="40"/>
      <c r="N61" s="40"/>
      <c r="O61" s="40"/>
      <c r="P61" s="40"/>
      <c r="Q61" s="40"/>
      <c r="R61" s="40"/>
      <c r="S61" s="40"/>
    </row>
    <row r="62" spans="2:19" ht="13.5">
      <c r="B62" s="40"/>
      <c r="C62" s="40"/>
      <c r="D62" s="40"/>
      <c r="E62" s="40"/>
      <c r="F62" s="40"/>
      <c r="G62" s="40"/>
      <c r="H62" s="40"/>
      <c r="L62" s="40"/>
      <c r="M62" s="40"/>
      <c r="N62" s="40"/>
      <c r="O62" s="40"/>
      <c r="P62" s="40"/>
      <c r="Q62" s="40"/>
      <c r="R62" s="40"/>
      <c r="S62" s="40"/>
    </row>
    <row r="63" spans="2:19" ht="13.5">
      <c r="B63" s="40"/>
      <c r="C63" s="40"/>
      <c r="D63" s="40"/>
      <c r="E63" s="40"/>
      <c r="F63" s="40"/>
      <c r="G63" s="40"/>
      <c r="H63" s="40"/>
      <c r="L63" s="40"/>
      <c r="M63" s="40"/>
      <c r="N63" s="40"/>
      <c r="O63" s="40"/>
      <c r="P63" s="40"/>
      <c r="Q63" s="40"/>
      <c r="R63" s="40"/>
      <c r="S63" s="40"/>
    </row>
    <row r="64" spans="2:19" ht="13.5">
      <c r="B64" s="40"/>
      <c r="C64" s="40"/>
      <c r="D64" s="40"/>
      <c r="E64" s="40"/>
      <c r="F64" s="40"/>
      <c r="G64" s="40"/>
      <c r="H64" s="40"/>
      <c r="L64" s="40"/>
      <c r="M64" s="40"/>
      <c r="N64" s="40"/>
      <c r="O64" s="40"/>
      <c r="P64" s="40"/>
      <c r="Q64" s="40"/>
      <c r="R64" s="40"/>
      <c r="S64" s="40"/>
    </row>
    <row r="65" spans="2:19" ht="13.5">
      <c r="B65" s="40"/>
      <c r="C65" s="40"/>
      <c r="D65" s="40"/>
      <c r="E65" s="40"/>
      <c r="F65" s="40"/>
      <c r="G65" s="40"/>
      <c r="H65" s="40"/>
      <c r="L65" s="40"/>
      <c r="M65" s="40"/>
      <c r="N65" s="40"/>
      <c r="O65" s="40"/>
      <c r="P65" s="40"/>
      <c r="Q65" s="40"/>
      <c r="R65" s="40"/>
      <c r="S65" s="40"/>
    </row>
    <row r="66" spans="2:19" ht="13.5">
      <c r="B66" s="40"/>
      <c r="C66" s="40"/>
      <c r="D66" s="40"/>
      <c r="E66" s="40"/>
      <c r="F66" s="40"/>
      <c r="G66" s="40"/>
      <c r="H66" s="40"/>
      <c r="L66" s="40"/>
      <c r="M66" s="40"/>
      <c r="N66" s="40"/>
      <c r="O66" s="40"/>
      <c r="P66" s="40"/>
      <c r="Q66" s="40"/>
      <c r="R66" s="40"/>
      <c r="S66" s="40"/>
    </row>
    <row r="67" spans="2:19" ht="13.5">
      <c r="B67" s="40"/>
      <c r="C67" s="40"/>
      <c r="D67" s="40"/>
      <c r="E67" s="40"/>
      <c r="F67" s="40"/>
      <c r="G67" s="40"/>
      <c r="H67" s="40"/>
      <c r="L67" s="40"/>
      <c r="M67" s="40"/>
      <c r="N67" s="40"/>
      <c r="O67" s="40"/>
      <c r="P67" s="40"/>
      <c r="Q67" s="40"/>
      <c r="R67" s="40"/>
      <c r="S67" s="40"/>
    </row>
    <row r="68" spans="2:19" ht="13.5">
      <c r="B68" s="40"/>
      <c r="C68" s="40"/>
      <c r="D68" s="40"/>
      <c r="E68" s="40"/>
      <c r="F68" s="40"/>
      <c r="G68" s="40"/>
      <c r="H68" s="40"/>
      <c r="L68" s="40"/>
      <c r="M68" s="40"/>
      <c r="N68" s="40"/>
      <c r="O68" s="40"/>
      <c r="P68" s="40"/>
      <c r="Q68" s="40"/>
      <c r="R68" s="40"/>
      <c r="S68" s="40"/>
    </row>
    <row r="69" spans="2:19" ht="13.5">
      <c r="B69" s="40"/>
      <c r="C69" s="40"/>
      <c r="D69" s="40"/>
      <c r="E69" s="40"/>
      <c r="F69" s="40"/>
      <c r="G69" s="40"/>
      <c r="H69" s="40"/>
      <c r="L69" s="40"/>
      <c r="M69" s="40"/>
      <c r="N69" s="40"/>
      <c r="O69" s="40"/>
      <c r="P69" s="40"/>
      <c r="Q69" s="40"/>
      <c r="R69" s="40"/>
      <c r="S69" s="40"/>
    </row>
    <row r="70" spans="2:19" ht="13.5">
      <c r="B70" s="40"/>
      <c r="C70" s="40"/>
      <c r="D70" s="40"/>
      <c r="E70" s="40"/>
      <c r="F70" s="40"/>
      <c r="G70" s="40"/>
      <c r="H70" s="40"/>
      <c r="L70" s="40"/>
      <c r="M70" s="40"/>
      <c r="N70" s="40"/>
      <c r="O70" s="40"/>
      <c r="P70" s="40"/>
      <c r="Q70" s="40"/>
      <c r="R70" s="40"/>
      <c r="S70" s="40"/>
    </row>
    <row r="71" spans="2:19" ht="13.5">
      <c r="B71" s="40"/>
      <c r="C71" s="40"/>
      <c r="D71" s="40"/>
      <c r="E71" s="40"/>
      <c r="F71" s="40"/>
      <c r="G71" s="40"/>
      <c r="H71" s="40"/>
      <c r="L71" s="40"/>
      <c r="M71" s="40"/>
      <c r="N71" s="40"/>
      <c r="O71" s="40"/>
      <c r="P71" s="40"/>
      <c r="Q71" s="40"/>
      <c r="R71" s="40"/>
      <c r="S71" s="40"/>
    </row>
    <row r="72" spans="2:19" ht="13.5">
      <c r="B72" s="40"/>
      <c r="C72" s="40"/>
      <c r="D72" s="40"/>
      <c r="E72" s="40"/>
      <c r="F72" s="40"/>
      <c r="G72" s="40"/>
      <c r="H72" s="40"/>
      <c r="L72" s="40"/>
      <c r="M72" s="40"/>
      <c r="N72" s="40"/>
      <c r="O72" s="40"/>
      <c r="P72" s="40"/>
      <c r="Q72" s="40"/>
      <c r="R72" s="40"/>
      <c r="S72" s="40"/>
    </row>
    <row r="73" spans="2:19" ht="13.5">
      <c r="B73" s="40"/>
      <c r="C73" s="40"/>
      <c r="D73" s="40"/>
      <c r="E73" s="40"/>
      <c r="F73" s="40"/>
      <c r="G73" s="40"/>
      <c r="H73" s="40"/>
      <c r="L73" s="40"/>
      <c r="M73" s="40"/>
      <c r="N73" s="40"/>
      <c r="O73" s="40"/>
      <c r="P73" s="40"/>
      <c r="Q73" s="40"/>
      <c r="R73" s="40"/>
      <c r="S73" s="40"/>
    </row>
    <row r="74" spans="2:19" ht="13.5">
      <c r="B74" s="40"/>
      <c r="C74" s="40"/>
      <c r="D74" s="40"/>
      <c r="E74" s="40"/>
      <c r="F74" s="40"/>
      <c r="G74" s="40"/>
      <c r="H74" s="40"/>
      <c r="L74" s="40"/>
      <c r="M74" s="40"/>
      <c r="N74" s="40"/>
      <c r="O74" s="40"/>
      <c r="P74" s="40"/>
      <c r="Q74" s="40"/>
      <c r="R74" s="40"/>
      <c r="S74" s="40"/>
    </row>
    <row r="75" spans="2:19" ht="13.5">
      <c r="B75" s="40"/>
      <c r="C75" s="40"/>
      <c r="D75" s="40"/>
      <c r="E75" s="40"/>
      <c r="F75" s="40"/>
      <c r="G75" s="40"/>
      <c r="H75" s="40"/>
      <c r="L75" s="40"/>
      <c r="M75" s="40"/>
      <c r="N75" s="40"/>
      <c r="O75" s="40"/>
      <c r="P75" s="40"/>
      <c r="Q75" s="40"/>
      <c r="R75" s="40"/>
      <c r="S75" s="40"/>
    </row>
    <row r="76" spans="2:19" ht="13.5">
      <c r="B76" s="40"/>
      <c r="C76" s="40"/>
      <c r="D76" s="40"/>
      <c r="E76" s="40"/>
      <c r="F76" s="40"/>
      <c r="G76" s="40"/>
      <c r="H76" s="40"/>
      <c r="L76" s="40"/>
      <c r="M76" s="40"/>
      <c r="N76" s="40"/>
      <c r="O76" s="40"/>
      <c r="P76" s="40"/>
      <c r="Q76" s="40"/>
      <c r="R76" s="40"/>
      <c r="S76" s="40"/>
    </row>
    <row r="77" spans="2:19" ht="13.5">
      <c r="B77" s="40"/>
      <c r="C77" s="40"/>
      <c r="D77" s="40"/>
      <c r="E77" s="40"/>
      <c r="F77" s="40"/>
      <c r="G77" s="40"/>
      <c r="H77" s="40"/>
      <c r="L77" s="40"/>
      <c r="M77" s="40"/>
      <c r="N77" s="40"/>
      <c r="O77" s="40"/>
      <c r="P77" s="40"/>
      <c r="Q77" s="40"/>
      <c r="R77" s="40"/>
      <c r="S77" s="40"/>
    </row>
    <row r="78" spans="2:19" ht="13.5">
      <c r="B78" s="40"/>
      <c r="C78" s="40"/>
      <c r="D78" s="40"/>
      <c r="E78" s="40"/>
      <c r="F78" s="40"/>
      <c r="G78" s="40"/>
      <c r="H78" s="40"/>
      <c r="L78" s="40"/>
      <c r="M78" s="40"/>
      <c r="N78" s="40"/>
      <c r="O78" s="40"/>
      <c r="P78" s="40"/>
      <c r="Q78" s="40"/>
      <c r="R78" s="40"/>
      <c r="S78" s="40"/>
    </row>
    <row r="79" spans="2:19" ht="13.5">
      <c r="B79" s="40"/>
      <c r="C79" s="40"/>
      <c r="D79" s="40"/>
      <c r="E79" s="40"/>
      <c r="F79" s="40"/>
      <c r="G79" s="40"/>
      <c r="H79" s="40"/>
      <c r="L79" s="40"/>
      <c r="M79" s="40"/>
      <c r="N79" s="40"/>
      <c r="O79" s="40"/>
      <c r="P79" s="40"/>
      <c r="Q79" s="40"/>
      <c r="R79" s="40"/>
      <c r="S79" s="40"/>
    </row>
    <row r="80" spans="2:19" ht="13.5">
      <c r="B80" s="40"/>
      <c r="C80" s="40"/>
      <c r="D80" s="40"/>
      <c r="E80" s="40"/>
      <c r="F80" s="40"/>
      <c r="G80" s="40"/>
      <c r="H80" s="40"/>
      <c r="L80" s="40"/>
      <c r="M80" s="40"/>
      <c r="N80" s="40"/>
      <c r="O80" s="40"/>
      <c r="P80" s="40"/>
      <c r="Q80" s="40"/>
      <c r="R80" s="40"/>
      <c r="S80" s="40"/>
    </row>
    <row r="81" spans="2:19" ht="13.5">
      <c r="B81" s="40"/>
      <c r="C81" s="40"/>
      <c r="D81" s="40"/>
      <c r="E81" s="40"/>
      <c r="F81" s="40"/>
      <c r="G81" s="40"/>
      <c r="H81" s="40"/>
      <c r="L81" s="40"/>
      <c r="M81" s="40"/>
      <c r="N81" s="40"/>
      <c r="O81" s="40"/>
      <c r="P81" s="40"/>
      <c r="Q81" s="40"/>
      <c r="R81" s="40"/>
      <c r="S81" s="40"/>
    </row>
    <row r="82" spans="2:19" ht="13.5">
      <c r="B82" s="40"/>
      <c r="C82" s="40"/>
      <c r="D82" s="40"/>
      <c r="E82" s="40"/>
      <c r="F82" s="40"/>
      <c r="G82" s="40"/>
      <c r="H82" s="40"/>
      <c r="L82" s="40"/>
      <c r="M82" s="40"/>
      <c r="N82" s="40"/>
      <c r="O82" s="40"/>
      <c r="P82" s="40"/>
      <c r="Q82" s="40"/>
      <c r="R82" s="40"/>
      <c r="S82" s="40"/>
    </row>
    <row r="83" spans="2:19" ht="13.5">
      <c r="B83" s="40"/>
      <c r="C83" s="40"/>
      <c r="D83" s="40"/>
      <c r="E83" s="40"/>
      <c r="F83" s="40"/>
      <c r="G83" s="40"/>
      <c r="H83" s="40"/>
      <c r="L83" s="40"/>
      <c r="M83" s="40"/>
      <c r="N83" s="40"/>
      <c r="O83" s="40"/>
      <c r="P83" s="40"/>
      <c r="Q83" s="40"/>
      <c r="R83" s="40"/>
      <c r="S83" s="40"/>
    </row>
    <row r="84" spans="2:19" ht="13.5">
      <c r="B84" s="40"/>
      <c r="C84" s="40"/>
      <c r="D84" s="40"/>
      <c r="E84" s="40"/>
      <c r="F84" s="40"/>
      <c r="G84" s="40"/>
      <c r="H84" s="40"/>
      <c r="L84" s="40"/>
      <c r="M84" s="40"/>
      <c r="N84" s="40"/>
      <c r="O84" s="40"/>
      <c r="P84" s="40"/>
      <c r="Q84" s="40"/>
      <c r="R84" s="40"/>
      <c r="S84" s="40"/>
    </row>
    <row r="85" spans="2:19" ht="13.5">
      <c r="B85" s="40"/>
      <c r="C85" s="40"/>
      <c r="D85" s="40"/>
      <c r="E85" s="40"/>
      <c r="F85" s="40"/>
      <c r="G85" s="40"/>
      <c r="H85" s="40"/>
      <c r="L85" s="40"/>
      <c r="M85" s="40"/>
      <c r="N85" s="40"/>
      <c r="O85" s="40"/>
      <c r="P85" s="40"/>
      <c r="Q85" s="40"/>
      <c r="R85" s="40"/>
      <c r="S85" s="40"/>
    </row>
    <row r="86" spans="2:19" ht="13.5">
      <c r="B86" s="40"/>
      <c r="C86" s="40"/>
      <c r="D86" s="40"/>
      <c r="E86" s="40"/>
      <c r="F86" s="40"/>
      <c r="G86" s="40"/>
      <c r="H86" s="40"/>
      <c r="L86" s="40"/>
      <c r="M86" s="40"/>
      <c r="N86" s="40"/>
      <c r="O86" s="40"/>
      <c r="P86" s="40"/>
      <c r="Q86" s="40"/>
      <c r="R86" s="40"/>
      <c r="S86" s="40"/>
    </row>
    <row r="87" spans="2:19" ht="13.5">
      <c r="B87" s="40"/>
      <c r="C87" s="40"/>
      <c r="D87" s="40"/>
      <c r="E87" s="40"/>
      <c r="F87" s="40"/>
      <c r="G87" s="40"/>
      <c r="H87" s="40"/>
      <c r="L87" s="40"/>
      <c r="M87" s="40"/>
      <c r="N87" s="40"/>
      <c r="O87" s="40"/>
      <c r="P87" s="40"/>
      <c r="Q87" s="40"/>
      <c r="R87" s="40"/>
      <c r="S87" s="40"/>
    </row>
    <row r="88" spans="2:19" ht="13.5">
      <c r="B88" s="40"/>
      <c r="C88" s="40"/>
      <c r="D88" s="40"/>
      <c r="E88" s="40"/>
      <c r="F88" s="40"/>
      <c r="G88" s="40"/>
      <c r="H88" s="40"/>
      <c r="L88" s="40"/>
      <c r="M88" s="40"/>
      <c r="N88" s="40"/>
      <c r="O88" s="40"/>
      <c r="P88" s="40"/>
      <c r="Q88" s="40"/>
      <c r="R88" s="40"/>
      <c r="S88" s="40"/>
    </row>
    <row r="89" spans="2:19" ht="13.5">
      <c r="B89" s="40"/>
      <c r="C89" s="40"/>
      <c r="D89" s="40"/>
      <c r="E89" s="40"/>
      <c r="F89" s="40"/>
      <c r="G89" s="40"/>
      <c r="H89" s="40"/>
      <c r="L89" s="40"/>
      <c r="M89" s="40"/>
      <c r="N89" s="40"/>
      <c r="O89" s="40"/>
      <c r="P89" s="40"/>
      <c r="Q89" s="40"/>
      <c r="R89" s="40"/>
      <c r="S89" s="40"/>
    </row>
    <row r="90" spans="2:19" ht="13.5">
      <c r="B90" s="40"/>
      <c r="C90" s="40"/>
      <c r="D90" s="40"/>
      <c r="E90" s="40"/>
      <c r="F90" s="40"/>
      <c r="G90" s="40"/>
      <c r="H90" s="40"/>
      <c r="L90" s="40"/>
      <c r="M90" s="40"/>
      <c r="N90" s="40"/>
      <c r="O90" s="40"/>
      <c r="P90" s="40"/>
      <c r="Q90" s="40"/>
      <c r="R90" s="40"/>
      <c r="S90" s="40"/>
    </row>
    <row r="91" spans="2:19" ht="13.5">
      <c r="B91" s="40"/>
      <c r="C91" s="40"/>
      <c r="D91" s="40"/>
      <c r="E91" s="40"/>
      <c r="F91" s="40"/>
      <c r="G91" s="40"/>
      <c r="H91" s="40"/>
      <c r="L91" s="40"/>
      <c r="M91" s="40"/>
      <c r="N91" s="40"/>
      <c r="O91" s="40"/>
      <c r="P91" s="40"/>
      <c r="Q91" s="40"/>
      <c r="R91" s="40"/>
      <c r="S91" s="40"/>
    </row>
    <row r="92" spans="2:19" ht="13.5">
      <c r="B92" s="40"/>
      <c r="C92" s="40"/>
      <c r="D92" s="40"/>
      <c r="E92" s="40"/>
      <c r="F92" s="40"/>
      <c r="G92" s="40"/>
      <c r="H92" s="40"/>
      <c r="L92" s="40"/>
      <c r="M92" s="40"/>
      <c r="N92" s="40"/>
      <c r="O92" s="40"/>
      <c r="P92" s="40"/>
      <c r="Q92" s="40"/>
      <c r="R92" s="40"/>
      <c r="S92" s="40"/>
    </row>
    <row r="93" spans="2:19" ht="13.5">
      <c r="B93" s="40"/>
      <c r="C93" s="40"/>
      <c r="D93" s="40"/>
      <c r="E93" s="40"/>
      <c r="F93" s="40"/>
      <c r="G93" s="40"/>
      <c r="H93" s="40"/>
      <c r="L93" s="40"/>
      <c r="M93" s="40"/>
      <c r="N93" s="40"/>
      <c r="O93" s="40"/>
      <c r="P93" s="40"/>
      <c r="Q93" s="40"/>
      <c r="R93" s="40"/>
      <c r="S93" s="40"/>
    </row>
    <row r="94" spans="2:19" ht="13.5">
      <c r="B94" s="40"/>
      <c r="C94" s="40"/>
      <c r="D94" s="40"/>
      <c r="E94" s="40"/>
      <c r="F94" s="40"/>
      <c r="G94" s="40"/>
      <c r="H94" s="40"/>
      <c r="L94" s="40"/>
      <c r="M94" s="40"/>
      <c r="N94" s="40"/>
      <c r="O94" s="40"/>
      <c r="P94" s="40"/>
      <c r="Q94" s="40"/>
      <c r="R94" s="40"/>
      <c r="S94" s="40"/>
    </row>
    <row r="95" spans="2:19" ht="13.5">
      <c r="B95" s="40"/>
      <c r="C95" s="40"/>
      <c r="D95" s="40"/>
      <c r="E95" s="40"/>
      <c r="F95" s="40"/>
      <c r="G95" s="40"/>
      <c r="H95" s="40"/>
      <c r="L95" s="40"/>
      <c r="M95" s="40"/>
      <c r="N95" s="40"/>
      <c r="O95" s="40"/>
      <c r="P95" s="40"/>
      <c r="Q95" s="40"/>
      <c r="R95" s="40"/>
      <c r="S95" s="40"/>
    </row>
    <row r="96" spans="2:19" ht="13.5">
      <c r="B96" s="40"/>
      <c r="C96" s="40"/>
      <c r="D96" s="40"/>
      <c r="E96" s="40"/>
      <c r="F96" s="40"/>
      <c r="G96" s="40"/>
      <c r="H96" s="40"/>
      <c r="L96" s="40"/>
      <c r="M96" s="40"/>
      <c r="N96" s="40"/>
      <c r="O96" s="40"/>
      <c r="P96" s="40"/>
      <c r="Q96" s="40"/>
      <c r="R96" s="40"/>
      <c r="S96" s="40"/>
    </row>
    <row r="97" spans="2:19" ht="13.5">
      <c r="B97" s="40"/>
      <c r="C97" s="40"/>
      <c r="D97" s="40"/>
      <c r="E97" s="40"/>
      <c r="F97" s="40"/>
      <c r="G97" s="40"/>
      <c r="H97" s="40"/>
      <c r="L97" s="40"/>
      <c r="M97" s="40"/>
      <c r="N97" s="40"/>
      <c r="O97" s="40"/>
      <c r="P97" s="40"/>
      <c r="Q97" s="40"/>
      <c r="R97" s="40"/>
      <c r="S97" s="40"/>
    </row>
    <row r="98" spans="2:19" ht="13.5">
      <c r="B98" s="40"/>
      <c r="C98" s="40"/>
      <c r="D98" s="40"/>
      <c r="E98" s="40"/>
      <c r="F98" s="40"/>
      <c r="G98" s="40"/>
      <c r="H98" s="40"/>
      <c r="L98" s="40"/>
      <c r="M98" s="40"/>
      <c r="N98" s="40"/>
      <c r="O98" s="40"/>
      <c r="P98" s="40"/>
      <c r="Q98" s="40"/>
      <c r="R98" s="40"/>
      <c r="S98" s="40"/>
    </row>
    <row r="99" spans="2:19" ht="13.5">
      <c r="B99" s="40"/>
      <c r="C99" s="40"/>
      <c r="D99" s="40"/>
      <c r="E99" s="40"/>
      <c r="F99" s="40"/>
      <c r="G99" s="40"/>
      <c r="H99" s="40"/>
      <c r="L99" s="40"/>
      <c r="M99" s="40"/>
      <c r="N99" s="40"/>
      <c r="O99" s="40"/>
      <c r="P99" s="40"/>
      <c r="Q99" s="40"/>
      <c r="R99" s="40"/>
      <c r="S99" s="40"/>
    </row>
    <row r="100" spans="2:19" ht="13.5">
      <c r="B100" s="40"/>
      <c r="C100" s="40"/>
      <c r="D100" s="40"/>
      <c r="E100" s="40"/>
      <c r="F100" s="40"/>
      <c r="G100" s="40"/>
      <c r="H100" s="40"/>
      <c r="L100" s="40"/>
      <c r="M100" s="40"/>
      <c r="N100" s="40"/>
      <c r="O100" s="40"/>
      <c r="P100" s="40"/>
      <c r="Q100" s="40"/>
      <c r="R100" s="40"/>
      <c r="S100" s="40"/>
    </row>
    <row r="101" spans="2:19" ht="13.5">
      <c r="B101" s="40"/>
      <c r="C101" s="40"/>
      <c r="D101" s="40"/>
      <c r="E101" s="40"/>
      <c r="F101" s="40"/>
      <c r="G101" s="40"/>
      <c r="H101" s="40"/>
      <c r="L101" s="40"/>
      <c r="M101" s="40"/>
      <c r="N101" s="40"/>
      <c r="O101" s="40"/>
      <c r="P101" s="40"/>
      <c r="Q101" s="40"/>
      <c r="R101" s="40"/>
      <c r="S101" s="40"/>
    </row>
    <row r="102" spans="2:19" ht="13.5">
      <c r="B102" s="40"/>
      <c r="C102" s="40"/>
      <c r="D102" s="40"/>
      <c r="E102" s="40"/>
      <c r="F102" s="40"/>
      <c r="G102" s="40"/>
      <c r="H102" s="40"/>
      <c r="L102" s="40"/>
      <c r="M102" s="40"/>
      <c r="N102" s="40"/>
      <c r="O102" s="40"/>
      <c r="P102" s="40"/>
      <c r="Q102" s="40"/>
      <c r="R102" s="40"/>
      <c r="S102" s="40"/>
    </row>
    <row r="103" spans="2:19" ht="13.5">
      <c r="B103" s="40"/>
      <c r="C103" s="40"/>
      <c r="D103" s="40"/>
      <c r="E103" s="40"/>
      <c r="F103" s="40"/>
      <c r="G103" s="40"/>
      <c r="H103" s="40"/>
      <c r="L103" s="40"/>
      <c r="M103" s="40"/>
      <c r="N103" s="40"/>
      <c r="O103" s="40"/>
      <c r="P103" s="40"/>
      <c r="Q103" s="40"/>
      <c r="R103" s="40"/>
      <c r="S103" s="40"/>
    </row>
    <row r="104" spans="2:19" ht="13.5">
      <c r="B104" s="40"/>
      <c r="C104" s="40"/>
      <c r="D104" s="40"/>
      <c r="E104" s="40"/>
      <c r="F104" s="40"/>
      <c r="G104" s="40"/>
      <c r="H104" s="40"/>
      <c r="L104" s="40"/>
      <c r="M104" s="40"/>
      <c r="N104" s="40"/>
      <c r="O104" s="40"/>
      <c r="P104" s="40"/>
      <c r="Q104" s="40"/>
      <c r="R104" s="40"/>
      <c r="S104" s="40"/>
    </row>
    <row r="105" spans="2:19" ht="13.5">
      <c r="B105" s="40"/>
      <c r="C105" s="40"/>
      <c r="D105" s="40"/>
      <c r="E105" s="40"/>
      <c r="F105" s="40"/>
      <c r="G105" s="40"/>
      <c r="H105" s="40"/>
      <c r="L105" s="40"/>
      <c r="M105" s="40"/>
      <c r="N105" s="40"/>
      <c r="O105" s="40"/>
      <c r="P105" s="40"/>
      <c r="Q105" s="40"/>
      <c r="R105" s="40"/>
      <c r="S105" s="40"/>
    </row>
    <row r="106" spans="2:19" ht="13.5">
      <c r="B106" s="40"/>
      <c r="C106" s="40"/>
      <c r="D106" s="40"/>
      <c r="E106" s="40"/>
      <c r="F106" s="40"/>
      <c r="G106" s="40"/>
      <c r="H106" s="40"/>
      <c r="L106" s="40"/>
      <c r="M106" s="40"/>
      <c r="N106" s="40"/>
      <c r="O106" s="40"/>
      <c r="P106" s="40"/>
      <c r="Q106" s="40"/>
      <c r="R106" s="40"/>
      <c r="S106" s="40"/>
    </row>
    <row r="107" spans="2:19" ht="13.5">
      <c r="B107" s="40"/>
      <c r="C107" s="40"/>
      <c r="D107" s="40"/>
      <c r="E107" s="40"/>
      <c r="F107" s="40"/>
      <c r="G107" s="40"/>
      <c r="H107" s="40"/>
      <c r="L107" s="40"/>
      <c r="M107" s="40"/>
      <c r="N107" s="40"/>
      <c r="O107" s="40"/>
      <c r="P107" s="40"/>
      <c r="Q107" s="40"/>
      <c r="R107" s="40"/>
      <c r="S107" s="40"/>
    </row>
    <row r="108" spans="2:19" ht="13.5">
      <c r="B108" s="40"/>
      <c r="C108" s="40"/>
      <c r="D108" s="40"/>
      <c r="E108" s="40"/>
      <c r="F108" s="40"/>
      <c r="G108" s="40"/>
      <c r="H108" s="40"/>
      <c r="L108" s="40"/>
      <c r="M108" s="40"/>
      <c r="N108" s="40"/>
      <c r="O108" s="40"/>
      <c r="P108" s="40"/>
      <c r="Q108" s="40"/>
      <c r="R108" s="40"/>
      <c r="S108" s="40"/>
    </row>
    <row r="109" spans="2:19" ht="13.5">
      <c r="B109" s="40"/>
      <c r="C109" s="40"/>
      <c r="D109" s="40"/>
      <c r="E109" s="40"/>
      <c r="F109" s="40"/>
      <c r="G109" s="40"/>
      <c r="H109" s="40"/>
      <c r="L109" s="40"/>
      <c r="M109" s="40"/>
      <c r="N109" s="40"/>
      <c r="O109" s="40"/>
      <c r="P109" s="40"/>
      <c r="Q109" s="40"/>
      <c r="R109" s="40"/>
      <c r="S109" s="40"/>
    </row>
    <row r="110" spans="2:19" ht="13.5">
      <c r="B110" s="40"/>
      <c r="C110" s="40"/>
      <c r="D110" s="40"/>
      <c r="E110" s="40"/>
      <c r="F110" s="40"/>
      <c r="G110" s="40"/>
      <c r="H110" s="40"/>
      <c r="L110" s="40"/>
      <c r="M110" s="40"/>
      <c r="N110" s="40"/>
      <c r="O110" s="40"/>
      <c r="P110" s="40"/>
      <c r="Q110" s="40"/>
      <c r="R110" s="40"/>
      <c r="S110" s="40"/>
    </row>
    <row r="111" spans="2:19" ht="13.5">
      <c r="B111" s="40"/>
      <c r="C111" s="40"/>
      <c r="D111" s="40"/>
      <c r="E111" s="40"/>
      <c r="F111" s="40"/>
      <c r="G111" s="40"/>
      <c r="H111" s="40"/>
      <c r="L111" s="40"/>
      <c r="M111" s="40"/>
      <c r="N111" s="40"/>
      <c r="O111" s="40"/>
      <c r="P111" s="40"/>
      <c r="Q111" s="40"/>
      <c r="R111" s="40"/>
      <c r="S111" s="40"/>
    </row>
    <row r="112" spans="2:19" ht="13.5">
      <c r="B112" s="40"/>
      <c r="C112" s="40"/>
      <c r="D112" s="40"/>
      <c r="E112" s="40"/>
      <c r="F112" s="40"/>
      <c r="G112" s="40"/>
      <c r="H112" s="40"/>
      <c r="L112" s="40"/>
      <c r="M112" s="40"/>
      <c r="N112" s="40"/>
      <c r="O112" s="40"/>
      <c r="P112" s="40"/>
      <c r="Q112" s="40"/>
      <c r="R112" s="40"/>
      <c r="S112" s="40"/>
    </row>
    <row r="113" spans="2:19" ht="13.5">
      <c r="B113" s="40"/>
      <c r="C113" s="40"/>
      <c r="D113" s="40"/>
      <c r="E113" s="40"/>
      <c r="F113" s="40"/>
      <c r="G113" s="40"/>
      <c r="H113" s="40"/>
      <c r="L113" s="40"/>
      <c r="M113" s="40"/>
      <c r="N113" s="40"/>
      <c r="O113" s="40"/>
      <c r="P113" s="40"/>
      <c r="Q113" s="40"/>
      <c r="R113" s="40"/>
      <c r="S113" s="40"/>
    </row>
    <row r="114" spans="2:19" ht="13.5">
      <c r="B114" s="40"/>
      <c r="C114" s="40"/>
      <c r="D114" s="40"/>
      <c r="E114" s="40"/>
      <c r="F114" s="40"/>
      <c r="G114" s="40"/>
      <c r="H114" s="40"/>
      <c r="L114" s="40"/>
      <c r="M114" s="40"/>
      <c r="N114" s="40"/>
      <c r="O114" s="40"/>
      <c r="P114" s="40"/>
      <c r="Q114" s="40"/>
      <c r="R114" s="40"/>
      <c r="S114" s="40"/>
    </row>
    <row r="115" spans="2:19" ht="13.5">
      <c r="B115" s="40"/>
      <c r="C115" s="40"/>
      <c r="D115" s="40"/>
      <c r="E115" s="40"/>
      <c r="F115" s="40"/>
      <c r="G115" s="40"/>
      <c r="H115" s="40"/>
      <c r="L115" s="40"/>
      <c r="M115" s="40"/>
      <c r="N115" s="40"/>
      <c r="O115" s="40"/>
      <c r="P115" s="40"/>
      <c r="Q115" s="40"/>
      <c r="R115" s="40"/>
      <c r="S115" s="40"/>
    </row>
    <row r="116" spans="2:19" ht="13.5">
      <c r="B116" s="40"/>
      <c r="C116" s="40"/>
      <c r="D116" s="40"/>
      <c r="E116" s="40"/>
      <c r="F116" s="40"/>
      <c r="G116" s="40"/>
      <c r="H116" s="40"/>
      <c r="L116" s="40"/>
      <c r="M116" s="40"/>
      <c r="N116" s="40"/>
      <c r="O116" s="40"/>
      <c r="P116" s="40"/>
      <c r="Q116" s="40"/>
      <c r="R116" s="40"/>
      <c r="S116" s="40"/>
    </row>
    <row r="117" spans="2:19" ht="13.5">
      <c r="B117" s="40"/>
      <c r="C117" s="40"/>
      <c r="D117" s="40"/>
      <c r="E117" s="40"/>
      <c r="F117" s="40"/>
      <c r="G117" s="40"/>
      <c r="H117" s="40"/>
      <c r="L117" s="40"/>
      <c r="M117" s="40"/>
      <c r="N117" s="40"/>
      <c r="O117" s="40"/>
      <c r="P117" s="40"/>
      <c r="Q117" s="40"/>
      <c r="R117" s="40"/>
      <c r="S117" s="40"/>
    </row>
    <row r="118" spans="2:19" ht="13.5">
      <c r="B118" s="40"/>
      <c r="C118" s="40"/>
      <c r="D118" s="40"/>
      <c r="E118" s="40"/>
      <c r="F118" s="40"/>
      <c r="G118" s="40"/>
      <c r="H118" s="40"/>
      <c r="L118" s="40"/>
      <c r="M118" s="40"/>
      <c r="N118" s="40"/>
      <c r="O118" s="40"/>
      <c r="P118" s="40"/>
      <c r="Q118" s="40"/>
      <c r="R118" s="40"/>
      <c r="S118" s="40"/>
    </row>
    <row r="119" spans="2:19" ht="13.5">
      <c r="B119" s="40"/>
      <c r="C119" s="40"/>
      <c r="D119" s="40"/>
      <c r="E119" s="40"/>
      <c r="F119" s="40"/>
      <c r="G119" s="40"/>
      <c r="H119" s="40"/>
      <c r="L119" s="40"/>
      <c r="M119" s="40"/>
      <c r="N119" s="40"/>
      <c r="O119" s="40"/>
      <c r="P119" s="40"/>
      <c r="Q119" s="40"/>
      <c r="R119" s="40"/>
      <c r="S119" s="40"/>
    </row>
    <row r="120" spans="2:19" ht="13.5">
      <c r="B120" s="40"/>
      <c r="C120" s="40"/>
      <c r="D120" s="40"/>
      <c r="E120" s="40"/>
      <c r="F120" s="40"/>
      <c r="G120" s="40"/>
      <c r="H120" s="40"/>
      <c r="L120" s="40"/>
      <c r="M120" s="40"/>
      <c r="N120" s="40"/>
      <c r="O120" s="40"/>
      <c r="P120" s="40"/>
      <c r="Q120" s="40"/>
      <c r="R120" s="40"/>
      <c r="S120" s="40"/>
    </row>
    <row r="121" spans="2:19" ht="13.5">
      <c r="B121" s="40"/>
      <c r="C121" s="40"/>
      <c r="D121" s="40"/>
      <c r="E121" s="40"/>
      <c r="F121" s="40"/>
      <c r="G121" s="40"/>
      <c r="H121" s="40"/>
      <c r="L121" s="40"/>
      <c r="M121" s="40"/>
      <c r="N121" s="40"/>
      <c r="O121" s="40"/>
      <c r="P121" s="40"/>
      <c r="Q121" s="40"/>
      <c r="R121" s="40"/>
      <c r="S121" s="40"/>
    </row>
    <row r="122" spans="2:19" ht="13.5">
      <c r="B122" s="40"/>
      <c r="C122" s="40"/>
      <c r="D122" s="40"/>
      <c r="E122" s="40"/>
      <c r="F122" s="40"/>
      <c r="G122" s="40"/>
      <c r="H122" s="40"/>
      <c r="L122" s="40"/>
      <c r="M122" s="40"/>
      <c r="N122" s="40"/>
      <c r="O122" s="40"/>
      <c r="P122" s="40"/>
      <c r="Q122" s="40"/>
      <c r="R122" s="40"/>
      <c r="S122" s="40"/>
    </row>
    <row r="123" spans="2:19" ht="13.5">
      <c r="B123" s="40"/>
      <c r="C123" s="40"/>
      <c r="D123" s="40"/>
      <c r="E123" s="40"/>
      <c r="F123" s="40"/>
      <c r="G123" s="40"/>
      <c r="H123" s="40"/>
      <c r="L123" s="40"/>
      <c r="M123" s="40"/>
      <c r="N123" s="40"/>
      <c r="O123" s="40"/>
      <c r="P123" s="40"/>
      <c r="Q123" s="40"/>
      <c r="R123" s="40"/>
      <c r="S123" s="40"/>
    </row>
    <row r="124" spans="2:19" ht="13.5">
      <c r="B124" s="40"/>
      <c r="C124" s="40"/>
      <c r="D124" s="40"/>
      <c r="E124" s="40"/>
      <c r="F124" s="40"/>
      <c r="G124" s="40"/>
      <c r="H124" s="40"/>
      <c r="L124" s="40"/>
      <c r="M124" s="40"/>
      <c r="N124" s="40"/>
      <c r="O124" s="40"/>
      <c r="P124" s="40"/>
      <c r="Q124" s="40"/>
      <c r="R124" s="40"/>
      <c r="S124" s="40"/>
    </row>
    <row r="125" spans="2:19" ht="13.5">
      <c r="B125" s="40"/>
      <c r="C125" s="40"/>
      <c r="D125" s="40"/>
      <c r="E125" s="40"/>
      <c r="F125" s="40"/>
      <c r="G125" s="40"/>
      <c r="H125" s="40"/>
      <c r="L125" s="40"/>
      <c r="M125" s="40"/>
      <c r="N125" s="40"/>
      <c r="O125" s="40"/>
      <c r="P125" s="40"/>
      <c r="Q125" s="40"/>
      <c r="R125" s="40"/>
      <c r="S125" s="40"/>
    </row>
    <row r="126" spans="2:19" ht="13.5">
      <c r="B126" s="40"/>
      <c r="C126" s="40"/>
      <c r="D126" s="40"/>
      <c r="E126" s="40"/>
      <c r="F126" s="40"/>
      <c r="G126" s="40"/>
      <c r="H126" s="40"/>
      <c r="L126" s="40"/>
      <c r="M126" s="40"/>
      <c r="N126" s="40"/>
      <c r="O126" s="40"/>
      <c r="P126" s="40"/>
      <c r="Q126" s="40"/>
      <c r="R126" s="40"/>
      <c r="S126" s="40"/>
    </row>
    <row r="127" spans="2:19" ht="13.5">
      <c r="B127" s="40"/>
      <c r="C127" s="40"/>
      <c r="D127" s="40"/>
      <c r="E127" s="40"/>
      <c r="F127" s="40"/>
      <c r="G127" s="40"/>
      <c r="H127" s="40"/>
      <c r="L127" s="40"/>
      <c r="M127" s="40"/>
      <c r="N127" s="40"/>
      <c r="O127" s="40"/>
      <c r="P127" s="40"/>
      <c r="Q127" s="40"/>
      <c r="R127" s="40"/>
      <c r="S127" s="40"/>
    </row>
    <row r="128" spans="2:19" ht="13.5">
      <c r="B128" s="40"/>
      <c r="C128" s="40"/>
      <c r="D128" s="40"/>
      <c r="E128" s="40"/>
      <c r="F128" s="40"/>
      <c r="G128" s="40"/>
      <c r="H128" s="40"/>
      <c r="L128" s="40"/>
      <c r="M128" s="40"/>
      <c r="N128" s="40"/>
      <c r="O128" s="40"/>
      <c r="P128" s="40"/>
      <c r="Q128" s="40"/>
      <c r="R128" s="40"/>
      <c r="S128" s="40"/>
    </row>
    <row r="129" spans="2:19" ht="13.5">
      <c r="B129" s="40"/>
      <c r="C129" s="40"/>
      <c r="D129" s="40"/>
      <c r="E129" s="40"/>
      <c r="F129" s="40"/>
      <c r="G129" s="40"/>
      <c r="H129" s="40"/>
      <c r="L129" s="40"/>
      <c r="M129" s="40"/>
      <c r="N129" s="40"/>
      <c r="O129" s="40"/>
      <c r="P129" s="40"/>
      <c r="Q129" s="40"/>
      <c r="R129" s="40"/>
      <c r="S129" s="40"/>
    </row>
    <row r="130" spans="2:19" ht="13.5">
      <c r="B130" s="40"/>
      <c r="C130" s="40"/>
      <c r="D130" s="40"/>
      <c r="E130" s="40"/>
      <c r="F130" s="40"/>
      <c r="G130" s="40"/>
      <c r="H130" s="40"/>
      <c r="L130" s="40"/>
      <c r="M130" s="40"/>
      <c r="N130" s="40"/>
      <c r="O130" s="40"/>
      <c r="P130" s="40"/>
      <c r="Q130" s="40"/>
      <c r="R130" s="40"/>
      <c r="S130" s="40"/>
    </row>
    <row r="131" spans="2:19" ht="13.5">
      <c r="B131" s="40"/>
      <c r="C131" s="40"/>
      <c r="D131" s="40"/>
      <c r="E131" s="40"/>
      <c r="F131" s="40"/>
      <c r="G131" s="40"/>
      <c r="H131" s="40"/>
      <c r="L131" s="40"/>
      <c r="M131" s="40"/>
      <c r="N131" s="40"/>
      <c r="O131" s="40"/>
      <c r="P131" s="40"/>
      <c r="Q131" s="40"/>
      <c r="R131" s="40"/>
      <c r="S131" s="40"/>
    </row>
    <row r="132" spans="2:19" ht="13.5">
      <c r="B132" s="40"/>
      <c r="C132" s="40"/>
      <c r="D132" s="40"/>
      <c r="E132" s="40"/>
      <c r="F132" s="40"/>
      <c r="G132" s="40"/>
      <c r="H132" s="40"/>
      <c r="L132" s="40"/>
      <c r="M132" s="40"/>
      <c r="N132" s="40"/>
      <c r="O132" s="40"/>
      <c r="P132" s="40"/>
      <c r="Q132" s="40"/>
      <c r="R132" s="40"/>
      <c r="S132" s="40"/>
    </row>
    <row r="133" spans="2:19" ht="13.5">
      <c r="B133" s="40"/>
      <c r="C133" s="40"/>
      <c r="D133" s="40"/>
      <c r="E133" s="40"/>
      <c r="F133" s="40"/>
      <c r="G133" s="40"/>
      <c r="H133" s="40"/>
      <c r="L133" s="40"/>
      <c r="M133" s="40"/>
      <c r="N133" s="40"/>
      <c r="O133" s="40"/>
      <c r="P133" s="40"/>
      <c r="Q133" s="40"/>
      <c r="R133" s="40"/>
      <c r="S133" s="40"/>
    </row>
    <row r="134" spans="2:19" ht="13.5">
      <c r="B134" s="40"/>
      <c r="C134" s="40"/>
      <c r="D134" s="40"/>
      <c r="E134" s="40"/>
      <c r="F134" s="40"/>
      <c r="G134" s="40"/>
      <c r="H134" s="40"/>
      <c r="L134" s="40"/>
      <c r="M134" s="40"/>
      <c r="N134" s="40"/>
      <c r="O134" s="40"/>
      <c r="P134" s="40"/>
      <c r="Q134" s="40"/>
      <c r="R134" s="40"/>
      <c r="S134" s="40"/>
    </row>
    <row r="135" spans="2:19" ht="13.5">
      <c r="B135" s="40"/>
      <c r="C135" s="40"/>
      <c r="D135" s="40"/>
      <c r="E135" s="40"/>
      <c r="F135" s="40"/>
      <c r="G135" s="40"/>
      <c r="H135" s="40"/>
      <c r="L135" s="40"/>
      <c r="M135" s="40"/>
      <c r="N135" s="40"/>
      <c r="O135" s="40"/>
      <c r="P135" s="40"/>
      <c r="Q135" s="40"/>
      <c r="R135" s="40"/>
      <c r="S135" s="40"/>
    </row>
    <row r="136" spans="2:19" ht="13.5">
      <c r="B136" s="40"/>
      <c r="C136" s="40"/>
      <c r="D136" s="40"/>
      <c r="E136" s="40"/>
      <c r="F136" s="40"/>
      <c r="G136" s="40"/>
      <c r="H136" s="40"/>
      <c r="L136" s="40"/>
      <c r="M136" s="40"/>
      <c r="N136" s="40"/>
      <c r="O136" s="40"/>
      <c r="P136" s="40"/>
      <c r="Q136" s="40"/>
      <c r="R136" s="40"/>
      <c r="S136" s="40"/>
    </row>
    <row r="137" spans="2:19" ht="13.5">
      <c r="B137" s="40"/>
      <c r="C137" s="40"/>
      <c r="D137" s="40"/>
      <c r="E137" s="40"/>
      <c r="F137" s="40"/>
      <c r="G137" s="40"/>
      <c r="H137" s="40"/>
      <c r="L137" s="40"/>
      <c r="M137" s="40"/>
      <c r="N137" s="40"/>
      <c r="O137" s="40"/>
      <c r="P137" s="40"/>
      <c r="Q137" s="40"/>
      <c r="R137" s="40"/>
      <c r="S137" s="40"/>
    </row>
    <row r="138" spans="2:19" ht="13.5">
      <c r="B138" s="40"/>
      <c r="C138" s="40"/>
      <c r="D138" s="40"/>
      <c r="E138" s="40"/>
      <c r="F138" s="40"/>
      <c r="G138" s="40"/>
      <c r="H138" s="40"/>
      <c r="L138" s="40"/>
      <c r="M138" s="40"/>
      <c r="N138" s="40"/>
      <c r="O138" s="40"/>
      <c r="P138" s="40"/>
      <c r="Q138" s="40"/>
      <c r="R138" s="40"/>
      <c r="S138" s="40"/>
    </row>
    <row r="139" spans="2:19" ht="13.5">
      <c r="B139" s="40"/>
      <c r="C139" s="40"/>
      <c r="D139" s="40"/>
      <c r="E139" s="40"/>
      <c r="F139" s="40"/>
      <c r="G139" s="40"/>
      <c r="H139" s="40"/>
      <c r="L139" s="40"/>
      <c r="M139" s="40"/>
      <c r="N139" s="40"/>
      <c r="O139" s="40"/>
      <c r="P139" s="40"/>
      <c r="Q139" s="40"/>
      <c r="R139" s="40"/>
      <c r="S139" s="40"/>
    </row>
    <row r="140" spans="2:19" ht="13.5">
      <c r="B140" s="40"/>
      <c r="C140" s="40"/>
      <c r="D140" s="40"/>
      <c r="E140" s="40"/>
      <c r="F140" s="40"/>
      <c r="G140" s="40"/>
      <c r="H140" s="40"/>
      <c r="L140" s="40"/>
      <c r="M140" s="40"/>
      <c r="N140" s="40"/>
      <c r="O140" s="40"/>
      <c r="P140" s="40"/>
      <c r="Q140" s="40"/>
      <c r="R140" s="40"/>
      <c r="S140" s="40"/>
    </row>
    <row r="141" spans="2:19" ht="13.5">
      <c r="B141" s="40"/>
      <c r="C141" s="40"/>
      <c r="D141" s="40"/>
      <c r="E141" s="40"/>
      <c r="F141" s="40"/>
      <c r="G141" s="40"/>
      <c r="H141" s="40"/>
      <c r="L141" s="40"/>
      <c r="M141" s="40"/>
      <c r="N141" s="40"/>
      <c r="O141" s="40"/>
      <c r="P141" s="40"/>
      <c r="Q141" s="40"/>
      <c r="R141" s="40"/>
      <c r="S141" s="40"/>
    </row>
    <row r="142" spans="2:19" ht="13.5">
      <c r="B142" s="40"/>
      <c r="C142" s="40"/>
      <c r="D142" s="40"/>
      <c r="E142" s="40"/>
      <c r="F142" s="40"/>
      <c r="G142" s="40"/>
      <c r="H142" s="40"/>
      <c r="L142" s="40"/>
      <c r="M142" s="40"/>
      <c r="N142" s="40"/>
      <c r="O142" s="40"/>
      <c r="P142" s="40"/>
      <c r="Q142" s="40"/>
      <c r="R142" s="40"/>
      <c r="S142" s="40"/>
    </row>
    <row r="143" spans="2:19" ht="13.5">
      <c r="B143" s="40"/>
      <c r="C143" s="40"/>
      <c r="D143" s="40"/>
      <c r="E143" s="40"/>
      <c r="F143" s="40"/>
      <c r="G143" s="40"/>
      <c r="H143" s="40"/>
      <c r="L143" s="40"/>
      <c r="M143" s="40"/>
      <c r="N143" s="40"/>
      <c r="O143" s="40"/>
      <c r="P143" s="40"/>
      <c r="Q143" s="40"/>
      <c r="R143" s="40"/>
      <c r="S143" s="40"/>
    </row>
    <row r="144" spans="2:19" ht="13.5">
      <c r="B144" s="40"/>
      <c r="C144" s="40"/>
      <c r="D144" s="40"/>
      <c r="E144" s="40"/>
      <c r="F144" s="40"/>
      <c r="G144" s="40"/>
      <c r="H144" s="40"/>
      <c r="L144" s="40"/>
      <c r="M144" s="40"/>
      <c r="N144" s="40"/>
      <c r="O144" s="40"/>
      <c r="P144" s="40"/>
      <c r="Q144" s="40"/>
      <c r="R144" s="40"/>
      <c r="S144" s="40"/>
    </row>
    <row r="145" spans="2:19" ht="13.5">
      <c r="B145" s="40"/>
      <c r="C145" s="40"/>
      <c r="D145" s="40"/>
      <c r="E145" s="40"/>
      <c r="F145" s="40"/>
      <c r="G145" s="40"/>
      <c r="H145" s="40"/>
      <c r="L145" s="40"/>
      <c r="M145" s="40"/>
      <c r="N145" s="40"/>
      <c r="O145" s="40"/>
      <c r="P145" s="40"/>
      <c r="Q145" s="40"/>
      <c r="R145" s="40"/>
      <c r="S145" s="40"/>
    </row>
    <row r="146" spans="2:19" ht="13.5">
      <c r="B146" s="40"/>
      <c r="C146" s="40"/>
      <c r="D146" s="40"/>
      <c r="E146" s="40"/>
      <c r="F146" s="40"/>
      <c r="G146" s="40"/>
      <c r="H146" s="40"/>
      <c r="L146" s="40"/>
      <c r="M146" s="40"/>
      <c r="N146" s="40"/>
      <c r="O146" s="40"/>
      <c r="P146" s="40"/>
      <c r="Q146" s="40"/>
      <c r="R146" s="40"/>
      <c r="S146" s="40"/>
    </row>
    <row r="147" spans="2:19" ht="13.5">
      <c r="B147" s="40"/>
      <c r="C147" s="40"/>
      <c r="D147" s="40"/>
      <c r="E147" s="40"/>
      <c r="F147" s="40"/>
      <c r="G147" s="40"/>
      <c r="H147" s="40"/>
      <c r="L147" s="40"/>
      <c r="M147" s="40"/>
      <c r="N147" s="40"/>
      <c r="O147" s="40"/>
      <c r="P147" s="40"/>
      <c r="Q147" s="40"/>
      <c r="R147" s="40"/>
      <c r="S147" s="40"/>
    </row>
    <row r="148" spans="2:19" ht="13.5">
      <c r="B148" s="40"/>
      <c r="C148" s="40"/>
      <c r="D148" s="40"/>
      <c r="E148" s="40"/>
      <c r="F148" s="40"/>
      <c r="G148" s="40"/>
      <c r="H148" s="40"/>
      <c r="L148" s="40"/>
      <c r="M148" s="40"/>
      <c r="N148" s="40"/>
      <c r="O148" s="40"/>
      <c r="P148" s="40"/>
      <c r="Q148" s="40"/>
      <c r="R148" s="40"/>
      <c r="S148" s="40"/>
    </row>
    <row r="149" spans="2:19" ht="13.5">
      <c r="B149" s="40"/>
      <c r="C149" s="40"/>
      <c r="D149" s="40"/>
      <c r="E149" s="40"/>
      <c r="F149" s="40"/>
      <c r="G149" s="40"/>
      <c r="H149" s="40"/>
      <c r="L149" s="40"/>
      <c r="M149" s="40"/>
      <c r="N149" s="40"/>
      <c r="O149" s="40"/>
      <c r="P149" s="40"/>
      <c r="Q149" s="40"/>
      <c r="R149" s="40"/>
      <c r="S149" s="40"/>
    </row>
    <row r="150" spans="2:19" ht="13.5">
      <c r="B150" s="40"/>
      <c r="C150" s="40"/>
      <c r="D150" s="40"/>
      <c r="E150" s="40"/>
      <c r="F150" s="40"/>
      <c r="G150" s="40"/>
      <c r="H150" s="40"/>
      <c r="L150" s="40"/>
      <c r="M150" s="40"/>
      <c r="N150" s="40"/>
      <c r="O150" s="40"/>
      <c r="P150" s="40"/>
      <c r="Q150" s="40"/>
      <c r="R150" s="40"/>
      <c r="S150" s="40"/>
    </row>
    <row r="151" spans="2:19" ht="13.5">
      <c r="B151" s="40"/>
      <c r="C151" s="40"/>
      <c r="D151" s="40"/>
      <c r="E151" s="40"/>
      <c r="F151" s="40"/>
      <c r="G151" s="40"/>
      <c r="H151" s="40"/>
      <c r="L151" s="40"/>
      <c r="M151" s="40"/>
      <c r="N151" s="40"/>
      <c r="O151" s="40"/>
      <c r="P151" s="40"/>
      <c r="Q151" s="40"/>
      <c r="R151" s="40"/>
      <c r="S151" s="40"/>
    </row>
    <row r="152" spans="2:19" ht="13.5">
      <c r="B152" s="40"/>
      <c r="C152" s="40"/>
      <c r="D152" s="40"/>
      <c r="E152" s="40"/>
      <c r="F152" s="40"/>
      <c r="G152" s="40"/>
      <c r="H152" s="40"/>
      <c r="L152" s="40"/>
      <c r="M152" s="40"/>
      <c r="N152" s="40"/>
      <c r="O152" s="40"/>
      <c r="P152" s="40"/>
      <c r="Q152" s="40"/>
      <c r="R152" s="40"/>
      <c r="S152" s="40"/>
    </row>
    <row r="153" spans="2:19" ht="13.5">
      <c r="B153" s="40"/>
      <c r="C153" s="40"/>
      <c r="D153" s="40"/>
      <c r="E153" s="40"/>
      <c r="F153" s="40"/>
      <c r="G153" s="40"/>
      <c r="H153" s="40"/>
      <c r="L153" s="40"/>
      <c r="M153" s="40"/>
      <c r="N153" s="40"/>
      <c r="O153" s="40"/>
      <c r="P153" s="40"/>
      <c r="Q153" s="40"/>
      <c r="R153" s="40"/>
      <c r="S153" s="40"/>
    </row>
    <row r="154" spans="2:19" ht="13.5">
      <c r="B154" s="40"/>
      <c r="C154" s="40"/>
      <c r="D154" s="40"/>
      <c r="E154" s="40"/>
      <c r="F154" s="40"/>
      <c r="G154" s="40"/>
      <c r="H154" s="40"/>
      <c r="L154" s="40"/>
      <c r="M154" s="40"/>
      <c r="N154" s="40"/>
      <c r="O154" s="40"/>
      <c r="P154" s="40"/>
      <c r="Q154" s="40"/>
      <c r="R154" s="40"/>
      <c r="S154" s="40"/>
    </row>
    <row r="155" spans="2:19" ht="13.5">
      <c r="B155" s="40"/>
      <c r="C155" s="40"/>
      <c r="D155" s="40"/>
      <c r="E155" s="40"/>
      <c r="F155" s="40"/>
      <c r="G155" s="40"/>
      <c r="H155" s="40"/>
      <c r="L155" s="40"/>
      <c r="M155" s="40"/>
      <c r="N155" s="40"/>
      <c r="O155" s="40"/>
      <c r="P155" s="40"/>
      <c r="Q155" s="40"/>
      <c r="R155" s="40"/>
      <c r="S155" s="40"/>
    </row>
    <row r="156" spans="2:19" ht="13.5">
      <c r="B156" s="40"/>
      <c r="C156" s="40"/>
      <c r="D156" s="40"/>
      <c r="E156" s="40"/>
      <c r="F156" s="40"/>
      <c r="G156" s="40"/>
      <c r="H156" s="40"/>
      <c r="L156" s="40"/>
      <c r="M156" s="40"/>
      <c r="N156" s="40"/>
      <c r="O156" s="40"/>
      <c r="P156" s="40"/>
      <c r="Q156" s="40"/>
      <c r="R156" s="40"/>
      <c r="S156" s="40"/>
    </row>
    <row r="157" spans="2:19" ht="13.5">
      <c r="B157" s="40"/>
      <c r="C157" s="40"/>
      <c r="D157" s="40"/>
      <c r="E157" s="40"/>
      <c r="F157" s="40"/>
      <c r="G157" s="40"/>
      <c r="H157" s="40"/>
      <c r="L157" s="40"/>
      <c r="M157" s="40"/>
      <c r="N157" s="40"/>
      <c r="O157" s="40"/>
      <c r="P157" s="40"/>
      <c r="Q157" s="40"/>
      <c r="R157" s="40"/>
      <c r="S157" s="40"/>
    </row>
    <row r="158" spans="2:19" ht="13.5">
      <c r="B158" s="40"/>
      <c r="C158" s="40"/>
      <c r="D158" s="40"/>
      <c r="E158" s="40"/>
      <c r="F158" s="40"/>
      <c r="G158" s="40"/>
      <c r="H158" s="40"/>
      <c r="L158" s="40"/>
      <c r="M158" s="40"/>
      <c r="N158" s="40"/>
      <c r="O158" s="40"/>
      <c r="P158" s="40"/>
      <c r="Q158" s="40"/>
      <c r="R158" s="40"/>
      <c r="S158" s="40"/>
    </row>
    <row r="159" spans="2:19" ht="13.5">
      <c r="B159" s="40"/>
      <c r="C159" s="40"/>
      <c r="D159" s="40"/>
      <c r="E159" s="40"/>
      <c r="F159" s="40"/>
      <c r="G159" s="40"/>
      <c r="H159" s="40"/>
      <c r="L159" s="40"/>
      <c r="M159" s="40"/>
      <c r="N159" s="40"/>
      <c r="O159" s="40"/>
      <c r="P159" s="40"/>
      <c r="Q159" s="40"/>
      <c r="R159" s="40"/>
      <c r="S159" s="40"/>
    </row>
    <row r="160" spans="2:19" ht="13.5">
      <c r="B160" s="40"/>
      <c r="C160" s="40"/>
      <c r="D160" s="40"/>
      <c r="E160" s="40"/>
      <c r="F160" s="40"/>
      <c r="G160" s="40"/>
      <c r="H160" s="40"/>
      <c r="L160" s="40"/>
      <c r="M160" s="40"/>
      <c r="N160" s="40"/>
      <c r="O160" s="40"/>
      <c r="P160" s="40"/>
      <c r="Q160" s="40"/>
      <c r="R160" s="40"/>
      <c r="S160" s="40"/>
    </row>
    <row r="161" spans="2:19" ht="13.5">
      <c r="B161" s="40"/>
      <c r="C161" s="40"/>
      <c r="D161" s="40"/>
      <c r="E161" s="40"/>
      <c r="F161" s="40"/>
      <c r="G161" s="40"/>
      <c r="H161" s="40"/>
      <c r="L161" s="40"/>
      <c r="M161" s="40"/>
      <c r="N161" s="40"/>
      <c r="O161" s="40"/>
      <c r="P161" s="40"/>
      <c r="Q161" s="40"/>
      <c r="R161" s="40"/>
      <c r="S161" s="40"/>
    </row>
    <row r="162" spans="2:19" ht="13.5">
      <c r="B162" s="40"/>
      <c r="C162" s="40"/>
      <c r="D162" s="40"/>
      <c r="E162" s="40"/>
      <c r="F162" s="40"/>
      <c r="G162" s="40"/>
      <c r="H162" s="40"/>
      <c r="L162" s="40"/>
      <c r="M162" s="40"/>
      <c r="N162" s="40"/>
      <c r="O162" s="40"/>
      <c r="P162" s="40"/>
      <c r="Q162" s="40"/>
      <c r="R162" s="40"/>
      <c r="S162" s="40"/>
    </row>
    <row r="163" spans="2:19" ht="13.5">
      <c r="B163" s="40"/>
      <c r="C163" s="40"/>
      <c r="D163" s="40"/>
      <c r="E163" s="40"/>
      <c r="F163" s="40"/>
      <c r="G163" s="40"/>
      <c r="H163" s="40"/>
      <c r="L163" s="40"/>
      <c r="M163" s="40"/>
      <c r="N163" s="40"/>
      <c r="O163" s="40"/>
      <c r="P163" s="40"/>
      <c r="Q163" s="40"/>
      <c r="R163" s="40"/>
      <c r="S163" s="40"/>
    </row>
    <row r="164" spans="2:19" ht="13.5">
      <c r="B164" s="40"/>
      <c r="C164" s="40"/>
      <c r="D164" s="40"/>
      <c r="E164" s="40"/>
      <c r="F164" s="40"/>
      <c r="G164" s="40"/>
      <c r="H164" s="40"/>
      <c r="L164" s="40"/>
      <c r="M164" s="40"/>
      <c r="N164" s="40"/>
      <c r="O164" s="40"/>
      <c r="P164" s="40"/>
      <c r="Q164" s="40"/>
      <c r="R164" s="40"/>
      <c r="S164" s="40"/>
    </row>
    <row r="165" spans="2:19" ht="13.5">
      <c r="B165" s="40"/>
      <c r="C165" s="40"/>
      <c r="D165" s="40"/>
      <c r="E165" s="40"/>
      <c r="F165" s="40"/>
      <c r="G165" s="40"/>
      <c r="H165" s="40"/>
      <c r="L165" s="40"/>
      <c r="M165" s="40"/>
      <c r="N165" s="40"/>
      <c r="O165" s="40"/>
      <c r="P165" s="40"/>
      <c r="Q165" s="40"/>
      <c r="R165" s="40"/>
      <c r="S165" s="40"/>
    </row>
    <row r="166" spans="2:19" ht="13.5">
      <c r="B166" s="40"/>
      <c r="C166" s="40"/>
      <c r="D166" s="40"/>
      <c r="E166" s="40"/>
      <c r="F166" s="40"/>
      <c r="G166" s="40"/>
      <c r="H166" s="40"/>
      <c r="L166" s="40"/>
      <c r="M166" s="40"/>
      <c r="N166" s="40"/>
      <c r="O166" s="40"/>
      <c r="P166" s="40"/>
      <c r="Q166" s="40"/>
      <c r="R166" s="40"/>
      <c r="S166" s="40"/>
    </row>
    <row r="167" spans="2:19" ht="13.5">
      <c r="B167" s="40"/>
      <c r="C167" s="40"/>
      <c r="D167" s="40"/>
      <c r="E167" s="40"/>
      <c r="F167" s="40"/>
      <c r="G167" s="40"/>
      <c r="H167" s="40"/>
      <c r="L167" s="40"/>
      <c r="M167" s="40"/>
      <c r="N167" s="40"/>
      <c r="O167" s="40"/>
      <c r="P167" s="40"/>
      <c r="Q167" s="40"/>
      <c r="R167" s="40"/>
      <c r="S167" s="40"/>
    </row>
    <row r="168" spans="2:19" ht="13.5">
      <c r="B168" s="40"/>
      <c r="C168" s="40"/>
      <c r="D168" s="40"/>
      <c r="E168" s="40"/>
      <c r="F168" s="40"/>
      <c r="G168" s="40"/>
      <c r="H168" s="40"/>
      <c r="L168" s="40"/>
      <c r="M168" s="40"/>
      <c r="N168" s="40"/>
      <c r="O168" s="40"/>
      <c r="P168" s="40"/>
      <c r="Q168" s="40"/>
      <c r="R168" s="40"/>
      <c r="S168" s="40"/>
    </row>
    <row r="169" spans="2:19" ht="13.5">
      <c r="B169" s="40"/>
      <c r="C169" s="40"/>
      <c r="D169" s="40"/>
      <c r="E169" s="40"/>
      <c r="F169" s="40"/>
      <c r="G169" s="40"/>
      <c r="H169" s="40"/>
      <c r="L169" s="40"/>
      <c r="M169" s="40"/>
      <c r="N169" s="40"/>
      <c r="O169" s="40"/>
      <c r="P169" s="40"/>
      <c r="Q169" s="40"/>
      <c r="R169" s="40"/>
      <c r="S169" s="40"/>
    </row>
    <row r="170" spans="2:19" ht="13.5">
      <c r="B170" s="40"/>
      <c r="C170" s="40"/>
      <c r="D170" s="40"/>
      <c r="E170" s="40"/>
      <c r="F170" s="40"/>
      <c r="G170" s="40"/>
      <c r="H170" s="40"/>
      <c r="L170" s="40"/>
      <c r="M170" s="40"/>
      <c r="N170" s="40"/>
      <c r="O170" s="40"/>
      <c r="P170" s="40"/>
      <c r="Q170" s="40"/>
      <c r="R170" s="40"/>
      <c r="S170" s="40"/>
    </row>
    <row r="171" spans="2:19" ht="13.5">
      <c r="B171" s="40"/>
      <c r="C171" s="40"/>
      <c r="D171" s="40"/>
      <c r="E171" s="40"/>
      <c r="F171" s="40"/>
      <c r="G171" s="40"/>
      <c r="H171" s="40"/>
      <c r="L171" s="40"/>
      <c r="M171" s="40"/>
      <c r="N171" s="40"/>
      <c r="O171" s="40"/>
      <c r="P171" s="40"/>
      <c r="Q171" s="40"/>
      <c r="R171" s="40"/>
      <c r="S171" s="40"/>
    </row>
    <row r="172" spans="2:19" ht="13.5">
      <c r="B172" s="40"/>
      <c r="C172" s="40"/>
      <c r="D172" s="40"/>
      <c r="E172" s="40"/>
      <c r="F172" s="40"/>
      <c r="G172" s="40"/>
      <c r="H172" s="40"/>
      <c r="L172" s="40"/>
      <c r="M172" s="40"/>
      <c r="N172" s="40"/>
      <c r="O172" s="40"/>
      <c r="P172" s="40"/>
      <c r="Q172" s="40"/>
      <c r="R172" s="40"/>
      <c r="S172" s="40"/>
    </row>
    <row r="173" spans="2:19" ht="13.5">
      <c r="B173" s="40"/>
      <c r="C173" s="40"/>
      <c r="D173" s="40"/>
      <c r="E173" s="40"/>
      <c r="F173" s="40"/>
      <c r="G173" s="40"/>
      <c r="H173" s="40"/>
      <c r="L173" s="40"/>
      <c r="M173" s="40"/>
      <c r="N173" s="40"/>
      <c r="O173" s="40"/>
      <c r="P173" s="40"/>
      <c r="Q173" s="40"/>
      <c r="R173" s="40"/>
      <c r="S173" s="40"/>
    </row>
    <row r="174" spans="2:19" ht="13.5">
      <c r="B174" s="40"/>
      <c r="C174" s="40"/>
      <c r="D174" s="40"/>
      <c r="E174" s="40"/>
      <c r="F174" s="40"/>
      <c r="G174" s="40"/>
      <c r="H174" s="40"/>
      <c r="L174" s="40"/>
      <c r="M174" s="40"/>
      <c r="N174" s="40"/>
      <c r="O174" s="40"/>
      <c r="P174" s="40"/>
      <c r="Q174" s="40"/>
      <c r="R174" s="40"/>
      <c r="S174" s="40"/>
    </row>
    <row r="175" spans="2:19" ht="13.5">
      <c r="B175" s="40"/>
      <c r="C175" s="40"/>
      <c r="D175" s="40"/>
      <c r="E175" s="40"/>
      <c r="F175" s="40"/>
      <c r="G175" s="40"/>
      <c r="H175" s="40"/>
      <c r="L175" s="40"/>
      <c r="M175" s="40"/>
      <c r="N175" s="40"/>
      <c r="O175" s="40"/>
      <c r="P175" s="40"/>
      <c r="Q175" s="40"/>
      <c r="R175" s="40"/>
      <c r="S175" s="40"/>
    </row>
    <row r="176" spans="2:19" ht="13.5">
      <c r="B176" s="40"/>
      <c r="C176" s="40"/>
      <c r="D176" s="40"/>
      <c r="E176" s="40"/>
      <c r="F176" s="40"/>
      <c r="G176" s="40"/>
      <c r="H176" s="40"/>
      <c r="L176" s="40"/>
      <c r="M176" s="40"/>
      <c r="N176" s="40"/>
      <c r="O176" s="40"/>
      <c r="P176" s="40"/>
      <c r="Q176" s="40"/>
      <c r="R176" s="40"/>
      <c r="S176" s="40"/>
    </row>
    <row r="177" spans="2:19" ht="13.5">
      <c r="B177" s="40"/>
      <c r="C177" s="40"/>
      <c r="D177" s="40"/>
      <c r="E177" s="40"/>
      <c r="F177" s="40"/>
      <c r="G177" s="40"/>
      <c r="H177" s="40"/>
      <c r="L177" s="40"/>
      <c r="M177" s="40"/>
      <c r="N177" s="40"/>
      <c r="O177" s="40"/>
      <c r="P177" s="40"/>
      <c r="Q177" s="40"/>
      <c r="R177" s="40"/>
      <c r="S177" s="40"/>
    </row>
    <row r="178" spans="2:19" ht="13.5">
      <c r="B178" s="40"/>
      <c r="C178" s="40"/>
      <c r="D178" s="40"/>
      <c r="E178" s="40"/>
      <c r="F178" s="40"/>
      <c r="G178" s="40"/>
      <c r="H178" s="40"/>
      <c r="L178" s="40"/>
      <c r="M178" s="40"/>
      <c r="N178" s="40"/>
      <c r="O178" s="40"/>
      <c r="P178" s="40"/>
      <c r="Q178" s="40"/>
      <c r="R178" s="40"/>
      <c r="S178" s="40"/>
    </row>
    <row r="179" spans="2:19" ht="13.5">
      <c r="B179" s="40"/>
      <c r="C179" s="40"/>
      <c r="D179" s="40"/>
      <c r="E179" s="40"/>
      <c r="F179" s="40"/>
      <c r="G179" s="40"/>
      <c r="H179" s="40"/>
      <c r="L179" s="40"/>
      <c r="M179" s="40"/>
      <c r="N179" s="40"/>
      <c r="O179" s="40"/>
      <c r="P179" s="40"/>
      <c r="Q179" s="40"/>
      <c r="R179" s="40"/>
      <c r="S179" s="40"/>
    </row>
    <row r="180" spans="2:19" ht="13.5">
      <c r="B180" s="40"/>
      <c r="C180" s="40"/>
      <c r="D180" s="40"/>
      <c r="E180" s="40"/>
      <c r="F180" s="40"/>
      <c r="G180" s="40"/>
      <c r="H180" s="40"/>
      <c r="L180" s="40"/>
      <c r="M180" s="40"/>
      <c r="N180" s="40"/>
      <c r="O180" s="40"/>
      <c r="P180" s="40"/>
      <c r="Q180" s="40"/>
      <c r="R180" s="40"/>
      <c r="S180" s="40"/>
    </row>
    <row r="181" spans="2:19" ht="13.5">
      <c r="B181" s="40"/>
      <c r="C181" s="40"/>
      <c r="D181" s="40"/>
      <c r="E181" s="40"/>
      <c r="F181" s="40"/>
      <c r="G181" s="40"/>
      <c r="H181" s="40"/>
      <c r="L181" s="40"/>
      <c r="M181" s="40"/>
      <c r="N181" s="40"/>
      <c r="O181" s="40"/>
      <c r="P181" s="40"/>
      <c r="Q181" s="40"/>
      <c r="R181" s="40"/>
      <c r="S181" s="40"/>
    </row>
    <row r="182" spans="2:19" ht="13.5">
      <c r="B182" s="40"/>
      <c r="C182" s="40"/>
      <c r="D182" s="40"/>
      <c r="E182" s="40"/>
      <c r="F182" s="40"/>
      <c r="G182" s="40"/>
      <c r="H182" s="40"/>
      <c r="L182" s="40"/>
      <c r="M182" s="40"/>
      <c r="N182" s="40"/>
      <c r="O182" s="40"/>
      <c r="P182" s="40"/>
      <c r="Q182" s="40"/>
      <c r="R182" s="40"/>
      <c r="S182" s="40"/>
    </row>
    <row r="183" spans="2:19" ht="13.5">
      <c r="B183" s="40"/>
      <c r="C183" s="40"/>
      <c r="D183" s="40"/>
      <c r="E183" s="40"/>
      <c r="F183" s="40"/>
      <c r="G183" s="40"/>
      <c r="H183" s="40"/>
      <c r="L183" s="40"/>
      <c r="M183" s="40"/>
      <c r="N183" s="40"/>
      <c r="O183" s="40"/>
      <c r="P183" s="40"/>
      <c r="Q183" s="40"/>
      <c r="R183" s="40"/>
      <c r="S183" s="40"/>
    </row>
    <row r="184" spans="2:19" ht="13.5">
      <c r="B184" s="40"/>
      <c r="C184" s="40"/>
      <c r="D184" s="40"/>
      <c r="E184" s="40"/>
      <c r="F184" s="40"/>
      <c r="G184" s="40"/>
      <c r="H184" s="40"/>
      <c r="L184" s="40"/>
      <c r="M184" s="40"/>
      <c r="N184" s="40"/>
      <c r="O184" s="40"/>
      <c r="P184" s="40"/>
      <c r="Q184" s="40"/>
      <c r="R184" s="40"/>
      <c r="S184" s="40"/>
    </row>
    <row r="185" spans="2:19" ht="13.5">
      <c r="B185" s="40"/>
      <c r="C185" s="40"/>
      <c r="D185" s="40"/>
      <c r="E185" s="40"/>
      <c r="F185" s="40"/>
      <c r="G185" s="40"/>
      <c r="H185" s="40"/>
      <c r="L185" s="40"/>
      <c r="M185" s="40"/>
      <c r="N185" s="40"/>
      <c r="O185" s="40"/>
      <c r="P185" s="40"/>
      <c r="Q185" s="40"/>
      <c r="R185" s="40"/>
      <c r="S185" s="40"/>
    </row>
    <row r="186" spans="2:19" ht="13.5">
      <c r="B186" s="40"/>
      <c r="C186" s="40"/>
      <c r="D186" s="40"/>
      <c r="E186" s="40"/>
      <c r="F186" s="40"/>
      <c r="G186" s="40"/>
      <c r="H186" s="40"/>
      <c r="L186" s="40"/>
      <c r="M186" s="40"/>
      <c r="N186" s="40"/>
      <c r="O186" s="40"/>
      <c r="P186" s="40"/>
      <c r="Q186" s="40"/>
      <c r="R186" s="40"/>
      <c r="S186" s="40"/>
    </row>
    <row r="187" spans="2:19" ht="13.5">
      <c r="B187" s="40"/>
      <c r="C187" s="40"/>
      <c r="D187" s="40"/>
      <c r="E187" s="40"/>
      <c r="F187" s="40"/>
      <c r="G187" s="40"/>
      <c r="H187" s="40"/>
      <c r="L187" s="40"/>
      <c r="M187" s="40"/>
      <c r="N187" s="40"/>
      <c r="O187" s="40"/>
      <c r="P187" s="40"/>
      <c r="Q187" s="40"/>
      <c r="R187" s="40"/>
      <c r="S187" s="40"/>
    </row>
    <row r="188" spans="2:19" ht="13.5">
      <c r="B188" s="40"/>
      <c r="C188" s="40"/>
      <c r="D188" s="40"/>
      <c r="E188" s="40"/>
      <c r="F188" s="40"/>
      <c r="G188" s="40"/>
      <c r="H188" s="40"/>
      <c r="L188" s="40"/>
      <c r="M188" s="40"/>
      <c r="N188" s="40"/>
      <c r="O188" s="40"/>
      <c r="P188" s="40"/>
      <c r="Q188" s="40"/>
      <c r="R188" s="40"/>
      <c r="S188" s="40"/>
    </row>
    <row r="189" spans="2:19" ht="13.5">
      <c r="B189" s="40"/>
      <c r="C189" s="40"/>
      <c r="D189" s="40"/>
      <c r="E189" s="40"/>
      <c r="F189" s="40"/>
      <c r="G189" s="40"/>
      <c r="H189" s="40"/>
      <c r="L189" s="40"/>
      <c r="M189" s="40"/>
      <c r="N189" s="40"/>
      <c r="O189" s="40"/>
      <c r="P189" s="40"/>
      <c r="Q189" s="40"/>
      <c r="R189" s="40"/>
      <c r="S189" s="40"/>
    </row>
    <row r="190" spans="2:19" ht="13.5">
      <c r="B190" s="40"/>
      <c r="C190" s="40"/>
      <c r="D190" s="40"/>
      <c r="E190" s="40"/>
      <c r="F190" s="40"/>
      <c r="G190" s="40"/>
      <c r="H190" s="40"/>
      <c r="L190" s="40"/>
      <c r="M190" s="40"/>
      <c r="N190" s="40"/>
      <c r="O190" s="40"/>
      <c r="P190" s="40"/>
      <c r="Q190" s="40"/>
      <c r="R190" s="40"/>
      <c r="S190" s="40"/>
    </row>
    <row r="191" spans="2:19" ht="13.5">
      <c r="B191" s="40"/>
      <c r="C191" s="40"/>
      <c r="D191" s="40"/>
      <c r="E191" s="40"/>
      <c r="F191" s="40"/>
      <c r="G191" s="40"/>
      <c r="H191" s="40"/>
      <c r="L191" s="40"/>
      <c r="M191" s="40"/>
      <c r="N191" s="40"/>
      <c r="O191" s="40"/>
      <c r="P191" s="40"/>
      <c r="Q191" s="40"/>
      <c r="R191" s="40"/>
      <c r="S191" s="40"/>
    </row>
    <row r="192" spans="2:19" ht="13.5">
      <c r="B192" s="40"/>
      <c r="C192" s="40"/>
      <c r="D192" s="40"/>
      <c r="E192" s="40"/>
      <c r="F192" s="40"/>
      <c r="G192" s="40"/>
      <c r="H192" s="40"/>
      <c r="L192" s="40"/>
      <c r="M192" s="40"/>
      <c r="N192" s="40"/>
      <c r="O192" s="40"/>
      <c r="P192" s="40"/>
      <c r="Q192" s="40"/>
      <c r="R192" s="40"/>
      <c r="S192" s="40"/>
    </row>
    <row r="193" spans="2:19" ht="13.5">
      <c r="B193" s="40"/>
      <c r="C193" s="40"/>
      <c r="D193" s="40"/>
      <c r="E193" s="40"/>
      <c r="F193" s="40"/>
      <c r="G193" s="40"/>
      <c r="H193" s="40"/>
      <c r="L193" s="40"/>
      <c r="M193" s="40"/>
      <c r="N193" s="40"/>
      <c r="O193" s="40"/>
      <c r="P193" s="40"/>
      <c r="Q193" s="40"/>
      <c r="R193" s="40"/>
      <c r="S193" s="40"/>
    </row>
    <row r="194" spans="2:19" ht="13.5">
      <c r="B194" s="40"/>
      <c r="C194" s="40"/>
      <c r="D194" s="40"/>
      <c r="E194" s="40"/>
      <c r="F194" s="40"/>
      <c r="G194" s="40"/>
      <c r="H194" s="40"/>
      <c r="L194" s="40"/>
      <c r="M194" s="40"/>
      <c r="N194" s="40"/>
      <c r="O194" s="40"/>
      <c r="P194" s="40"/>
      <c r="Q194" s="40"/>
      <c r="R194" s="40"/>
      <c r="S194" s="40"/>
    </row>
    <row r="195" spans="2:19" ht="13.5">
      <c r="B195" s="40"/>
      <c r="C195" s="40"/>
      <c r="D195" s="40"/>
      <c r="E195" s="40"/>
      <c r="F195" s="40"/>
      <c r="G195" s="40"/>
      <c r="H195" s="40"/>
      <c r="L195" s="40"/>
      <c r="M195" s="40"/>
      <c r="N195" s="40"/>
      <c r="O195" s="40"/>
      <c r="P195" s="40"/>
      <c r="Q195" s="40"/>
      <c r="R195" s="40"/>
      <c r="S195" s="40"/>
    </row>
    <row r="196" spans="2:19" ht="13.5">
      <c r="B196" s="40"/>
      <c r="C196" s="40"/>
      <c r="D196" s="40"/>
      <c r="E196" s="40"/>
      <c r="F196" s="40"/>
      <c r="G196" s="40"/>
      <c r="H196" s="40"/>
      <c r="L196" s="40"/>
      <c r="M196" s="40"/>
      <c r="N196" s="40"/>
      <c r="O196" s="40"/>
      <c r="P196" s="40"/>
      <c r="Q196" s="40"/>
      <c r="R196" s="40"/>
      <c r="S196" s="40"/>
    </row>
    <row r="197" spans="2:19" ht="13.5">
      <c r="B197" s="40"/>
      <c r="C197" s="40"/>
      <c r="D197" s="40"/>
      <c r="E197" s="40"/>
      <c r="F197" s="40"/>
      <c r="G197" s="40"/>
      <c r="H197" s="40"/>
      <c r="L197" s="40"/>
      <c r="M197" s="40"/>
      <c r="N197" s="40"/>
      <c r="O197" s="40"/>
      <c r="P197" s="40"/>
      <c r="Q197" s="40"/>
      <c r="R197" s="40"/>
      <c r="S197" s="40"/>
    </row>
    <row r="198" spans="2:19" ht="13.5">
      <c r="B198" s="40"/>
      <c r="C198" s="40"/>
      <c r="D198" s="40"/>
      <c r="E198" s="40"/>
      <c r="F198" s="40"/>
      <c r="G198" s="40"/>
      <c r="H198" s="40"/>
      <c r="L198" s="40"/>
      <c r="M198" s="40"/>
      <c r="N198" s="40"/>
      <c r="O198" s="40"/>
      <c r="P198" s="40"/>
      <c r="Q198" s="40"/>
      <c r="R198" s="40"/>
      <c r="S198" s="40"/>
    </row>
    <row r="199" spans="2:19" ht="13.5">
      <c r="B199" s="40"/>
      <c r="C199" s="40"/>
      <c r="D199" s="40"/>
      <c r="E199" s="40"/>
      <c r="F199" s="40"/>
      <c r="G199" s="40"/>
      <c r="H199" s="40"/>
      <c r="L199" s="40"/>
      <c r="M199" s="40"/>
      <c r="N199" s="40"/>
      <c r="O199" s="40"/>
      <c r="P199" s="40"/>
      <c r="Q199" s="40"/>
      <c r="R199" s="40"/>
      <c r="S199" s="40"/>
    </row>
    <row r="200" spans="2:19" ht="13.5">
      <c r="B200" s="40"/>
      <c r="C200" s="40"/>
      <c r="D200" s="40"/>
      <c r="E200" s="40"/>
      <c r="F200" s="40"/>
      <c r="G200" s="40"/>
      <c r="H200" s="40"/>
      <c r="L200" s="40"/>
      <c r="M200" s="40"/>
      <c r="N200" s="40"/>
      <c r="O200" s="40"/>
      <c r="P200" s="40"/>
      <c r="Q200" s="40"/>
      <c r="R200" s="40"/>
      <c r="S200" s="40"/>
    </row>
    <row r="201" spans="2:19" ht="13.5">
      <c r="B201" s="40"/>
      <c r="C201" s="40"/>
      <c r="D201" s="40"/>
      <c r="E201" s="40"/>
      <c r="F201" s="40"/>
      <c r="G201" s="40"/>
      <c r="H201" s="40"/>
      <c r="L201" s="40"/>
      <c r="M201" s="40"/>
      <c r="N201" s="40"/>
      <c r="O201" s="40"/>
      <c r="P201" s="40"/>
      <c r="Q201" s="40"/>
      <c r="R201" s="40"/>
      <c r="S201" s="40"/>
    </row>
    <row r="202" spans="2:19" ht="13.5">
      <c r="B202" s="40"/>
      <c r="C202" s="40"/>
      <c r="D202" s="40"/>
      <c r="E202" s="40"/>
      <c r="F202" s="40"/>
      <c r="G202" s="40"/>
      <c r="H202" s="40"/>
      <c r="L202" s="40"/>
      <c r="M202" s="40"/>
      <c r="N202" s="40"/>
      <c r="O202" s="40"/>
      <c r="P202" s="40"/>
      <c r="Q202" s="40"/>
      <c r="R202" s="40"/>
      <c r="S202" s="40"/>
    </row>
    <row r="203" spans="2:19" ht="13.5">
      <c r="B203" s="40"/>
      <c r="C203" s="40"/>
      <c r="D203" s="40"/>
      <c r="E203" s="40"/>
      <c r="F203" s="40"/>
      <c r="G203" s="40"/>
      <c r="H203" s="40"/>
      <c r="L203" s="40"/>
      <c r="M203" s="40"/>
      <c r="N203" s="40"/>
      <c r="O203" s="40"/>
      <c r="P203" s="40"/>
      <c r="Q203" s="40"/>
      <c r="R203" s="40"/>
      <c r="S203" s="40"/>
    </row>
    <row r="204" spans="2:19" ht="13.5">
      <c r="B204" s="40"/>
      <c r="C204" s="40"/>
      <c r="D204" s="40"/>
      <c r="E204" s="40"/>
      <c r="F204" s="40"/>
      <c r="G204" s="40"/>
      <c r="H204" s="40"/>
      <c r="L204" s="40"/>
      <c r="M204" s="40"/>
      <c r="N204" s="40"/>
      <c r="O204" s="40"/>
      <c r="P204" s="40"/>
      <c r="Q204" s="40"/>
      <c r="R204" s="40"/>
      <c r="S204" s="40"/>
    </row>
    <row r="205" spans="2:19" ht="13.5">
      <c r="B205" s="40"/>
      <c r="C205" s="40"/>
      <c r="D205" s="40"/>
      <c r="E205" s="40"/>
      <c r="F205" s="40"/>
      <c r="G205" s="40"/>
      <c r="H205" s="40"/>
      <c r="L205" s="40"/>
      <c r="M205" s="40"/>
      <c r="N205" s="40"/>
      <c r="O205" s="40"/>
      <c r="P205" s="40"/>
      <c r="Q205" s="40"/>
      <c r="R205" s="40"/>
      <c r="S205" s="40"/>
    </row>
    <row r="206" spans="2:19" ht="13.5">
      <c r="B206" s="40"/>
      <c r="C206" s="40"/>
      <c r="D206" s="40"/>
      <c r="E206" s="40"/>
      <c r="F206" s="40"/>
      <c r="G206" s="40"/>
      <c r="H206" s="40"/>
      <c r="L206" s="40"/>
      <c r="M206" s="40"/>
      <c r="N206" s="40"/>
      <c r="O206" s="40"/>
      <c r="P206" s="40"/>
      <c r="Q206" s="40"/>
      <c r="R206" s="40"/>
      <c r="S206" s="40"/>
    </row>
    <row r="207" spans="2:19" ht="13.5">
      <c r="B207" s="40"/>
      <c r="C207" s="40"/>
      <c r="D207" s="40"/>
      <c r="E207" s="40"/>
      <c r="F207" s="40"/>
      <c r="G207" s="40"/>
      <c r="H207" s="40"/>
      <c r="L207" s="40"/>
      <c r="M207" s="40"/>
      <c r="N207" s="40"/>
      <c r="O207" s="40"/>
      <c r="P207" s="40"/>
      <c r="Q207" s="40"/>
      <c r="R207" s="40"/>
      <c r="S207" s="40"/>
    </row>
    <row r="208" spans="2:19" ht="13.5">
      <c r="B208" s="40"/>
      <c r="C208" s="40"/>
      <c r="D208" s="40"/>
      <c r="E208" s="40"/>
      <c r="F208" s="40"/>
      <c r="G208" s="40"/>
      <c r="H208" s="40"/>
      <c r="L208" s="40"/>
      <c r="M208" s="40"/>
      <c r="N208" s="40"/>
      <c r="O208" s="40"/>
      <c r="P208" s="40"/>
      <c r="Q208" s="40"/>
      <c r="R208" s="40"/>
      <c r="S208" s="40"/>
    </row>
    <row r="209" spans="2:19" ht="13.5">
      <c r="B209" s="40"/>
      <c r="C209" s="40"/>
      <c r="D209" s="40"/>
      <c r="E209" s="40"/>
      <c r="F209" s="40"/>
      <c r="G209" s="40"/>
      <c r="H209" s="40"/>
      <c r="L209" s="40"/>
      <c r="M209" s="40"/>
      <c r="N209" s="40"/>
      <c r="O209" s="40"/>
      <c r="P209" s="40"/>
      <c r="Q209" s="40"/>
      <c r="R209" s="40"/>
      <c r="S209" s="40"/>
    </row>
    <row r="210" spans="2:19" ht="13.5">
      <c r="B210" s="40"/>
      <c r="C210" s="40"/>
      <c r="D210" s="40"/>
      <c r="E210" s="40"/>
      <c r="F210" s="40"/>
      <c r="G210" s="40"/>
      <c r="H210" s="40"/>
      <c r="L210" s="40"/>
      <c r="M210" s="40"/>
      <c r="N210" s="40"/>
      <c r="O210" s="40"/>
      <c r="P210" s="40"/>
      <c r="Q210" s="40"/>
      <c r="R210" s="40"/>
      <c r="S210" s="40"/>
    </row>
    <row r="211" spans="2:19" ht="13.5">
      <c r="B211" s="40"/>
      <c r="C211" s="40"/>
      <c r="D211" s="40"/>
      <c r="E211" s="40"/>
      <c r="F211" s="40"/>
      <c r="G211" s="40"/>
      <c r="H211" s="40"/>
      <c r="L211" s="40"/>
      <c r="M211" s="40"/>
      <c r="N211" s="40"/>
      <c r="O211" s="40"/>
      <c r="P211" s="40"/>
      <c r="Q211" s="40"/>
      <c r="R211" s="40"/>
      <c r="S211" s="40"/>
    </row>
    <row r="212" spans="2:19" ht="13.5">
      <c r="B212" s="40"/>
      <c r="C212" s="40"/>
      <c r="D212" s="40"/>
      <c r="E212" s="40"/>
      <c r="F212" s="40"/>
      <c r="G212" s="40"/>
      <c r="H212" s="40"/>
      <c r="L212" s="40"/>
      <c r="M212" s="40"/>
      <c r="N212" s="40"/>
      <c r="O212" s="40"/>
      <c r="P212" s="40"/>
      <c r="Q212" s="40"/>
      <c r="R212" s="40"/>
      <c r="S212" s="40"/>
    </row>
    <row r="213" spans="2:19" ht="13.5">
      <c r="B213" s="40"/>
      <c r="C213" s="40"/>
      <c r="D213" s="40"/>
      <c r="E213" s="40"/>
      <c r="F213" s="40"/>
      <c r="G213" s="40"/>
      <c r="H213" s="40"/>
      <c r="L213" s="40"/>
      <c r="M213" s="40"/>
      <c r="N213" s="40"/>
      <c r="O213" s="40"/>
      <c r="P213" s="40"/>
      <c r="Q213" s="40"/>
      <c r="R213" s="40"/>
      <c r="S213" s="40"/>
    </row>
    <row r="214" spans="2:19" ht="13.5">
      <c r="B214" s="40"/>
      <c r="C214" s="40"/>
      <c r="D214" s="40"/>
      <c r="E214" s="40"/>
      <c r="F214" s="40"/>
      <c r="G214" s="40"/>
      <c r="H214" s="40"/>
      <c r="L214" s="40"/>
      <c r="M214" s="40"/>
      <c r="N214" s="40"/>
      <c r="O214" s="40"/>
      <c r="P214" s="40"/>
      <c r="Q214" s="40"/>
      <c r="R214" s="40"/>
      <c r="S214" s="40"/>
    </row>
    <row r="215" spans="2:19" ht="13.5">
      <c r="B215" s="40"/>
      <c r="C215" s="40"/>
      <c r="D215" s="40"/>
      <c r="E215" s="40"/>
      <c r="F215" s="40"/>
      <c r="G215" s="40"/>
      <c r="H215" s="40"/>
      <c r="L215" s="40"/>
      <c r="M215" s="40"/>
      <c r="N215" s="40"/>
      <c r="O215" s="40"/>
      <c r="P215" s="40"/>
      <c r="Q215" s="40"/>
      <c r="R215" s="40"/>
      <c r="S215" s="40"/>
    </row>
    <row r="216" spans="2:19" ht="13.5">
      <c r="B216" s="40"/>
      <c r="C216" s="40"/>
      <c r="D216" s="40"/>
      <c r="E216" s="40"/>
      <c r="F216" s="40"/>
      <c r="G216" s="40"/>
      <c r="H216" s="40"/>
      <c r="L216" s="40"/>
      <c r="M216" s="40"/>
      <c r="N216" s="40"/>
      <c r="O216" s="40"/>
      <c r="P216" s="40"/>
      <c r="Q216" s="40"/>
      <c r="R216" s="40"/>
      <c r="S216" s="40"/>
    </row>
    <row r="217" spans="2:19" ht="13.5">
      <c r="B217" s="40"/>
      <c r="C217" s="40"/>
      <c r="D217" s="40"/>
      <c r="E217" s="40"/>
      <c r="F217" s="40"/>
      <c r="G217" s="40"/>
      <c r="H217" s="40"/>
      <c r="L217" s="40"/>
      <c r="M217" s="40"/>
      <c r="N217" s="40"/>
      <c r="O217" s="40"/>
      <c r="P217" s="40"/>
      <c r="Q217" s="40"/>
      <c r="R217" s="40"/>
      <c r="S217" s="40"/>
    </row>
    <row r="218" spans="2:19" ht="13.5">
      <c r="B218" s="40"/>
      <c r="C218" s="40"/>
      <c r="D218" s="40"/>
      <c r="E218" s="40"/>
      <c r="F218" s="40"/>
      <c r="G218" s="40"/>
      <c r="H218" s="40"/>
      <c r="L218" s="40"/>
      <c r="M218" s="40"/>
      <c r="N218" s="40"/>
      <c r="O218" s="40"/>
      <c r="P218" s="40"/>
      <c r="Q218" s="40"/>
      <c r="R218" s="40"/>
      <c r="S218" s="40"/>
    </row>
    <row r="219" spans="2:19" ht="13.5">
      <c r="B219" s="40"/>
      <c r="C219" s="40"/>
      <c r="D219" s="40"/>
      <c r="E219" s="40"/>
      <c r="F219" s="40"/>
      <c r="G219" s="40"/>
      <c r="H219" s="40"/>
      <c r="L219" s="40"/>
      <c r="M219" s="40"/>
      <c r="N219" s="40"/>
      <c r="O219" s="40"/>
      <c r="P219" s="40"/>
      <c r="Q219" s="40"/>
      <c r="R219" s="40"/>
      <c r="S219" s="40"/>
    </row>
    <row r="220" spans="2:19" ht="13.5">
      <c r="B220" s="40"/>
      <c r="C220" s="40"/>
      <c r="D220" s="40"/>
      <c r="E220" s="40"/>
      <c r="F220" s="40"/>
      <c r="G220" s="40"/>
      <c r="H220" s="40"/>
      <c r="L220" s="40"/>
      <c r="M220" s="40"/>
      <c r="N220" s="40"/>
      <c r="O220" s="40"/>
      <c r="P220" s="40"/>
      <c r="Q220" s="40"/>
      <c r="R220" s="40"/>
      <c r="S220" s="40"/>
    </row>
    <row r="221" spans="2:19" ht="13.5">
      <c r="B221" s="40"/>
      <c r="C221" s="40"/>
      <c r="D221" s="40"/>
      <c r="E221" s="40"/>
      <c r="F221" s="40"/>
      <c r="G221" s="40"/>
      <c r="H221" s="40"/>
      <c r="L221" s="40"/>
      <c r="M221" s="40"/>
      <c r="N221" s="40"/>
      <c r="O221" s="40"/>
      <c r="P221" s="40"/>
      <c r="Q221" s="40"/>
      <c r="R221" s="40"/>
      <c r="S221" s="40"/>
    </row>
    <row r="222" spans="2:19" ht="13.5">
      <c r="B222" s="40"/>
      <c r="C222" s="40"/>
      <c r="D222" s="40"/>
      <c r="E222" s="40"/>
      <c r="F222" s="40"/>
      <c r="G222" s="40"/>
      <c r="H222" s="40"/>
      <c r="L222" s="40"/>
      <c r="M222" s="40"/>
      <c r="N222" s="40"/>
      <c r="O222" s="40"/>
      <c r="P222" s="40"/>
      <c r="Q222" s="40"/>
      <c r="R222" s="40"/>
      <c r="S222" s="40"/>
    </row>
    <row r="223" spans="2:19" ht="13.5">
      <c r="B223" s="40"/>
      <c r="C223" s="40"/>
      <c r="D223" s="40"/>
      <c r="E223" s="40"/>
      <c r="F223" s="40"/>
      <c r="G223" s="40"/>
      <c r="H223" s="40"/>
      <c r="L223" s="40"/>
      <c r="M223" s="40"/>
      <c r="N223" s="40"/>
      <c r="O223" s="40"/>
      <c r="P223" s="40"/>
      <c r="Q223" s="40"/>
      <c r="R223" s="40"/>
      <c r="S223" s="40"/>
    </row>
    <row r="224" spans="2:19" ht="13.5">
      <c r="B224" s="40"/>
      <c r="C224" s="40"/>
      <c r="D224" s="40"/>
      <c r="E224" s="40"/>
      <c r="F224" s="40"/>
      <c r="G224" s="40"/>
      <c r="H224" s="40"/>
      <c r="L224" s="40"/>
      <c r="M224" s="40"/>
      <c r="N224" s="40"/>
      <c r="O224" s="40"/>
      <c r="P224" s="40"/>
      <c r="Q224" s="40"/>
      <c r="R224" s="40"/>
      <c r="S224" s="40"/>
    </row>
    <row r="225" spans="2:19" ht="13.5">
      <c r="B225" s="40"/>
      <c r="C225" s="40"/>
      <c r="D225" s="40"/>
      <c r="E225" s="40"/>
      <c r="F225" s="40"/>
      <c r="G225" s="40"/>
      <c r="H225" s="40"/>
      <c r="L225" s="40"/>
      <c r="M225" s="40"/>
      <c r="N225" s="40"/>
      <c r="O225" s="40"/>
      <c r="P225" s="40"/>
      <c r="Q225" s="40"/>
      <c r="R225" s="40"/>
      <c r="S225" s="40"/>
    </row>
    <row r="226" spans="2:19" ht="13.5">
      <c r="B226" s="40"/>
      <c r="C226" s="40"/>
      <c r="D226" s="40"/>
      <c r="E226" s="40"/>
      <c r="F226" s="40"/>
      <c r="G226" s="40"/>
      <c r="H226" s="40"/>
      <c r="L226" s="40"/>
      <c r="M226" s="40"/>
      <c r="N226" s="40"/>
      <c r="O226" s="40"/>
      <c r="P226" s="40"/>
      <c r="Q226" s="40"/>
      <c r="R226" s="40"/>
      <c r="S226" s="40"/>
    </row>
    <row r="227" spans="2:19" ht="13.5">
      <c r="B227" s="40"/>
      <c r="C227" s="40"/>
      <c r="D227" s="40"/>
      <c r="E227" s="40"/>
      <c r="F227" s="40"/>
      <c r="G227" s="40"/>
      <c r="H227" s="40"/>
      <c r="L227" s="40"/>
      <c r="M227" s="40"/>
      <c r="N227" s="40"/>
      <c r="O227" s="40"/>
      <c r="P227" s="40"/>
      <c r="Q227" s="40"/>
      <c r="R227" s="40"/>
      <c r="S227" s="40"/>
    </row>
    <row r="228" spans="2:19" ht="13.5">
      <c r="B228" s="40"/>
      <c r="C228" s="40"/>
      <c r="D228" s="40"/>
      <c r="E228" s="40"/>
      <c r="F228" s="40"/>
      <c r="G228" s="40"/>
      <c r="H228" s="40"/>
      <c r="L228" s="40"/>
      <c r="M228" s="40"/>
      <c r="N228" s="40"/>
      <c r="O228" s="40"/>
      <c r="P228" s="40"/>
      <c r="Q228" s="40"/>
      <c r="R228" s="40"/>
      <c r="S228" s="40"/>
    </row>
    <row r="229" spans="2:19" ht="13.5">
      <c r="B229" s="40"/>
      <c r="C229" s="40"/>
      <c r="D229" s="40"/>
      <c r="E229" s="40"/>
      <c r="F229" s="40"/>
      <c r="G229" s="40"/>
      <c r="H229" s="40"/>
      <c r="L229" s="40"/>
      <c r="M229" s="40"/>
      <c r="N229" s="40"/>
      <c r="O229" s="40"/>
      <c r="P229" s="40"/>
      <c r="Q229" s="40"/>
      <c r="R229" s="40"/>
      <c r="S229" s="40"/>
    </row>
    <row r="230" spans="2:19" ht="13.5">
      <c r="B230" s="40"/>
      <c r="C230" s="40"/>
      <c r="D230" s="40"/>
      <c r="E230" s="40"/>
      <c r="F230" s="40"/>
      <c r="G230" s="40"/>
      <c r="H230" s="40"/>
      <c r="L230" s="40"/>
      <c r="M230" s="40"/>
      <c r="N230" s="40"/>
      <c r="O230" s="40"/>
      <c r="P230" s="40"/>
      <c r="Q230" s="40"/>
      <c r="R230" s="40"/>
      <c r="S230" s="40"/>
    </row>
    <row r="231" spans="2:19" ht="13.5">
      <c r="B231" s="40"/>
      <c r="C231" s="40"/>
      <c r="D231" s="40"/>
      <c r="E231" s="40"/>
      <c r="F231" s="40"/>
      <c r="G231" s="40"/>
      <c r="H231" s="40"/>
      <c r="L231" s="40"/>
      <c r="M231" s="40"/>
      <c r="N231" s="40"/>
      <c r="O231" s="40"/>
      <c r="P231" s="40"/>
      <c r="Q231" s="40"/>
      <c r="R231" s="40"/>
      <c r="S231" s="40"/>
    </row>
    <row r="232" spans="2:19" ht="13.5">
      <c r="B232" s="40"/>
      <c r="C232" s="40"/>
      <c r="D232" s="40"/>
      <c r="E232" s="40"/>
      <c r="F232" s="40"/>
      <c r="G232" s="40"/>
      <c r="H232" s="40"/>
      <c r="L232" s="40"/>
      <c r="M232" s="40"/>
      <c r="N232" s="40"/>
      <c r="O232" s="40"/>
      <c r="P232" s="40"/>
      <c r="Q232" s="40"/>
      <c r="R232" s="40"/>
      <c r="S232" s="40"/>
    </row>
    <row r="233" spans="2:19" ht="13.5">
      <c r="B233" s="40"/>
      <c r="C233" s="40"/>
      <c r="D233" s="40"/>
      <c r="E233" s="40"/>
      <c r="F233" s="40"/>
      <c r="G233" s="40"/>
      <c r="H233" s="40"/>
      <c r="L233" s="40"/>
      <c r="M233" s="40"/>
      <c r="N233" s="40"/>
      <c r="O233" s="40"/>
      <c r="P233" s="40"/>
      <c r="Q233" s="40"/>
      <c r="R233" s="40"/>
      <c r="S233" s="40"/>
    </row>
    <row r="234" spans="2:19" ht="13.5">
      <c r="B234" s="40"/>
      <c r="C234" s="40"/>
      <c r="D234" s="40"/>
      <c r="E234" s="40"/>
      <c r="F234" s="40"/>
      <c r="G234" s="40"/>
      <c r="H234" s="40"/>
      <c r="L234" s="40"/>
      <c r="M234" s="40"/>
      <c r="N234" s="40"/>
      <c r="O234" s="40"/>
      <c r="P234" s="40"/>
      <c r="Q234" s="40"/>
      <c r="R234" s="40"/>
      <c r="S234" s="40"/>
    </row>
    <row r="235" spans="2:19" ht="13.5">
      <c r="B235" s="40"/>
      <c r="C235" s="40"/>
      <c r="D235" s="40"/>
      <c r="E235" s="40"/>
      <c r="F235" s="40"/>
      <c r="G235" s="40"/>
      <c r="H235" s="40"/>
      <c r="L235" s="40"/>
      <c r="M235" s="40"/>
      <c r="N235" s="40"/>
      <c r="O235" s="40"/>
      <c r="P235" s="40"/>
      <c r="Q235" s="40"/>
      <c r="R235" s="40"/>
      <c r="S235" s="40"/>
    </row>
    <row r="236" spans="2:19" ht="13.5">
      <c r="B236" s="40"/>
      <c r="C236" s="40"/>
      <c r="D236" s="40"/>
      <c r="E236" s="40"/>
      <c r="F236" s="40"/>
      <c r="G236" s="40"/>
      <c r="H236" s="40"/>
      <c r="L236" s="40"/>
      <c r="M236" s="40"/>
      <c r="N236" s="40"/>
      <c r="O236" s="40"/>
      <c r="P236" s="40"/>
      <c r="Q236" s="40"/>
      <c r="R236" s="40"/>
      <c r="S236" s="40"/>
    </row>
    <row r="237" spans="2:19" ht="13.5">
      <c r="B237" s="40"/>
      <c r="C237" s="40"/>
      <c r="D237" s="40"/>
      <c r="E237" s="40"/>
      <c r="F237" s="40"/>
      <c r="G237" s="40"/>
      <c r="H237" s="40"/>
      <c r="L237" s="40"/>
      <c r="M237" s="40"/>
      <c r="N237" s="40"/>
      <c r="O237" s="40"/>
      <c r="P237" s="40"/>
      <c r="Q237" s="40"/>
      <c r="R237" s="40"/>
      <c r="S237" s="40"/>
    </row>
    <row r="238" spans="2:19" ht="13.5">
      <c r="B238" s="40"/>
      <c r="C238" s="40"/>
      <c r="D238" s="40"/>
      <c r="E238" s="40"/>
      <c r="F238" s="40"/>
      <c r="G238" s="40"/>
      <c r="H238" s="40"/>
      <c r="L238" s="40"/>
      <c r="M238" s="40"/>
      <c r="N238" s="40"/>
      <c r="O238" s="40"/>
      <c r="P238" s="40"/>
      <c r="Q238" s="40"/>
      <c r="R238" s="40"/>
      <c r="S238" s="40"/>
    </row>
    <row r="239" spans="2:19" ht="13.5">
      <c r="B239" s="40"/>
      <c r="C239" s="40"/>
      <c r="D239" s="40"/>
      <c r="E239" s="40"/>
      <c r="F239" s="40"/>
      <c r="G239" s="40"/>
      <c r="H239" s="40"/>
      <c r="L239" s="40"/>
      <c r="M239" s="40"/>
      <c r="N239" s="40"/>
      <c r="O239" s="40"/>
      <c r="P239" s="40"/>
      <c r="Q239" s="40"/>
      <c r="R239" s="40"/>
      <c r="S239" s="40"/>
    </row>
    <row r="240" spans="2:19" ht="13.5">
      <c r="B240" s="40"/>
      <c r="C240" s="40"/>
      <c r="D240" s="40"/>
      <c r="E240" s="40"/>
      <c r="F240" s="40"/>
      <c r="G240" s="40"/>
      <c r="H240" s="40"/>
      <c r="L240" s="40"/>
      <c r="M240" s="40"/>
      <c r="N240" s="40"/>
      <c r="O240" s="40"/>
      <c r="P240" s="40"/>
      <c r="Q240" s="40"/>
      <c r="R240" s="40"/>
      <c r="S240" s="40"/>
    </row>
    <row r="241" spans="2:19" ht="13.5">
      <c r="B241" s="40"/>
      <c r="C241" s="40"/>
      <c r="D241" s="40"/>
      <c r="E241" s="40"/>
      <c r="F241" s="40"/>
      <c r="G241" s="40"/>
      <c r="H241" s="40"/>
      <c r="L241" s="40"/>
      <c r="M241" s="40"/>
      <c r="N241" s="40"/>
      <c r="O241" s="40"/>
      <c r="P241" s="40"/>
      <c r="Q241" s="40"/>
      <c r="R241" s="40"/>
      <c r="S241" s="40"/>
    </row>
    <row r="242" spans="2:19" ht="13.5">
      <c r="B242" s="40"/>
      <c r="C242" s="40"/>
      <c r="D242" s="40"/>
      <c r="E242" s="40"/>
      <c r="F242" s="40"/>
      <c r="G242" s="40"/>
      <c r="H242" s="40"/>
      <c r="L242" s="40"/>
      <c r="M242" s="40"/>
      <c r="N242" s="40"/>
      <c r="O242" s="40"/>
      <c r="P242" s="40"/>
      <c r="Q242" s="40"/>
      <c r="R242" s="40"/>
      <c r="S242" s="40"/>
    </row>
    <row r="243" spans="2:19" ht="13.5">
      <c r="B243" s="40"/>
      <c r="C243" s="40"/>
      <c r="D243" s="40"/>
      <c r="E243" s="40"/>
      <c r="F243" s="40"/>
      <c r="G243" s="40"/>
      <c r="H243" s="40"/>
      <c r="L243" s="40"/>
      <c r="M243" s="40"/>
      <c r="N243" s="40"/>
      <c r="O243" s="40"/>
      <c r="P243" s="40"/>
      <c r="Q243" s="40"/>
      <c r="R243" s="40"/>
      <c r="S243" s="40"/>
    </row>
    <row r="244" spans="2:19" ht="13.5">
      <c r="B244" s="40"/>
      <c r="C244" s="40"/>
      <c r="D244" s="40"/>
      <c r="E244" s="40"/>
      <c r="F244" s="40"/>
      <c r="G244" s="40"/>
      <c r="H244" s="40"/>
      <c r="L244" s="40"/>
      <c r="M244" s="40"/>
      <c r="N244" s="40"/>
      <c r="O244" s="40"/>
      <c r="P244" s="40"/>
      <c r="Q244" s="40"/>
      <c r="R244" s="40"/>
      <c r="S244" s="40"/>
    </row>
    <row r="245" spans="2:19" ht="13.5">
      <c r="B245" s="40"/>
      <c r="C245" s="40"/>
      <c r="D245" s="40"/>
      <c r="E245" s="40"/>
      <c r="F245" s="40"/>
      <c r="G245" s="40"/>
      <c r="H245" s="40"/>
      <c r="L245" s="40"/>
      <c r="M245" s="40"/>
      <c r="N245" s="40"/>
      <c r="O245" s="40"/>
      <c r="P245" s="40"/>
      <c r="Q245" s="40"/>
      <c r="R245" s="40"/>
      <c r="S245" s="40"/>
    </row>
    <row r="246" spans="2:19" ht="13.5">
      <c r="B246" s="40"/>
      <c r="C246" s="40"/>
      <c r="D246" s="40"/>
      <c r="E246" s="40"/>
      <c r="F246" s="40"/>
      <c r="G246" s="40"/>
      <c r="H246" s="40"/>
      <c r="L246" s="40"/>
      <c r="M246" s="40"/>
      <c r="N246" s="40"/>
      <c r="O246" s="40"/>
      <c r="P246" s="40"/>
      <c r="Q246" s="40"/>
      <c r="R246" s="40"/>
      <c r="S246" s="40"/>
    </row>
    <row r="247" spans="2:19" ht="13.5">
      <c r="B247" s="40"/>
      <c r="C247" s="40"/>
      <c r="D247" s="40"/>
      <c r="E247" s="40"/>
      <c r="F247" s="40"/>
      <c r="G247" s="40"/>
      <c r="H247" s="40"/>
      <c r="L247" s="40"/>
      <c r="M247" s="40"/>
      <c r="N247" s="40"/>
      <c r="O247" s="40"/>
      <c r="P247" s="40"/>
      <c r="Q247" s="40"/>
      <c r="R247" s="40"/>
      <c r="S247" s="40"/>
    </row>
    <row r="248" spans="2:19" ht="13.5">
      <c r="B248" s="40"/>
      <c r="C248" s="40"/>
      <c r="D248" s="40"/>
      <c r="E248" s="40"/>
      <c r="F248" s="40"/>
      <c r="G248" s="40"/>
      <c r="H248" s="40"/>
      <c r="L248" s="40"/>
      <c r="M248" s="40"/>
      <c r="N248" s="40"/>
      <c r="O248" s="40"/>
      <c r="P248" s="40"/>
      <c r="Q248" s="40"/>
      <c r="R248" s="40"/>
      <c r="S248" s="40"/>
    </row>
    <row r="249" spans="2:19" ht="13.5">
      <c r="B249" s="40"/>
      <c r="C249" s="40"/>
      <c r="D249" s="40"/>
      <c r="E249" s="40"/>
      <c r="F249" s="40"/>
      <c r="G249" s="40"/>
      <c r="H249" s="40"/>
      <c r="L249" s="40"/>
      <c r="M249" s="40"/>
      <c r="N249" s="40"/>
      <c r="O249" s="40"/>
      <c r="P249" s="40"/>
      <c r="Q249" s="40"/>
      <c r="R249" s="40"/>
      <c r="S249" s="40"/>
    </row>
    <row r="250" spans="2:19" ht="13.5">
      <c r="B250" s="40"/>
      <c r="C250" s="40"/>
      <c r="D250" s="40"/>
      <c r="E250" s="40"/>
      <c r="F250" s="40"/>
      <c r="G250" s="40"/>
      <c r="H250" s="40"/>
      <c r="L250" s="40"/>
      <c r="M250" s="40"/>
      <c r="N250" s="40"/>
      <c r="O250" s="40"/>
      <c r="P250" s="40"/>
      <c r="Q250" s="40"/>
      <c r="R250" s="40"/>
      <c r="S250" s="40"/>
    </row>
    <row r="251" spans="2:19" ht="13.5">
      <c r="B251" s="40"/>
      <c r="C251" s="40"/>
      <c r="D251" s="40"/>
      <c r="E251" s="40"/>
      <c r="F251" s="40"/>
      <c r="G251" s="40"/>
      <c r="H251" s="40"/>
      <c r="L251" s="40"/>
      <c r="M251" s="40"/>
      <c r="N251" s="40"/>
      <c r="O251" s="40"/>
      <c r="P251" s="40"/>
      <c r="Q251" s="40"/>
      <c r="R251" s="40"/>
      <c r="S251" s="40"/>
    </row>
    <row r="252" spans="2:19" ht="13.5">
      <c r="B252" s="40"/>
      <c r="C252" s="40"/>
      <c r="D252" s="40"/>
      <c r="E252" s="40"/>
      <c r="F252" s="40"/>
      <c r="G252" s="40"/>
      <c r="H252" s="40"/>
      <c r="L252" s="40"/>
      <c r="M252" s="40"/>
      <c r="N252" s="40"/>
      <c r="O252" s="40"/>
      <c r="P252" s="40"/>
      <c r="Q252" s="40"/>
      <c r="R252" s="40"/>
      <c r="S252" s="40"/>
    </row>
    <row r="253" spans="2:19" ht="13.5">
      <c r="B253" s="40"/>
      <c r="C253" s="40"/>
      <c r="D253" s="40"/>
      <c r="E253" s="40"/>
      <c r="F253" s="40"/>
      <c r="G253" s="40"/>
      <c r="H253" s="40"/>
      <c r="L253" s="40"/>
      <c r="M253" s="40"/>
      <c r="N253" s="40"/>
      <c r="O253" s="40"/>
      <c r="P253" s="40"/>
      <c r="Q253" s="40"/>
      <c r="R253" s="40"/>
      <c r="S253" s="40"/>
    </row>
    <row r="254" spans="2:19" ht="13.5">
      <c r="B254" s="40"/>
      <c r="C254" s="40"/>
      <c r="D254" s="40"/>
      <c r="E254" s="40"/>
      <c r="F254" s="40"/>
      <c r="G254" s="40"/>
      <c r="H254" s="40"/>
      <c r="L254" s="40"/>
      <c r="M254" s="40"/>
      <c r="N254" s="40"/>
      <c r="O254" s="40"/>
      <c r="P254" s="40"/>
      <c r="Q254" s="40"/>
      <c r="R254" s="40"/>
      <c r="S254" s="40"/>
    </row>
    <row r="255" spans="2:19" ht="13.5">
      <c r="B255" s="40"/>
      <c r="C255" s="40"/>
      <c r="D255" s="40"/>
      <c r="E255" s="40"/>
      <c r="F255" s="40"/>
      <c r="G255" s="40"/>
      <c r="H255" s="40"/>
      <c r="L255" s="40"/>
      <c r="M255" s="40"/>
      <c r="N255" s="40"/>
      <c r="O255" s="40"/>
      <c r="P255" s="40"/>
      <c r="Q255" s="40"/>
      <c r="R255" s="40"/>
      <c r="S255" s="40"/>
    </row>
    <row r="256" spans="2:19" ht="13.5">
      <c r="B256" s="40"/>
      <c r="C256" s="40"/>
      <c r="D256" s="40"/>
      <c r="E256" s="40"/>
      <c r="F256" s="40"/>
      <c r="G256" s="40"/>
      <c r="H256" s="40"/>
      <c r="L256" s="40"/>
      <c r="M256" s="40"/>
      <c r="N256" s="40"/>
      <c r="O256" s="40"/>
      <c r="P256" s="40"/>
      <c r="Q256" s="40"/>
      <c r="R256" s="40"/>
      <c r="S256" s="40"/>
    </row>
    <row r="257" spans="2:19" ht="13.5">
      <c r="B257" s="40"/>
      <c r="C257" s="40"/>
      <c r="D257" s="40"/>
      <c r="E257" s="40"/>
      <c r="F257" s="40"/>
      <c r="G257" s="40"/>
      <c r="H257" s="40"/>
      <c r="L257" s="40"/>
      <c r="M257" s="40"/>
      <c r="N257" s="40"/>
      <c r="O257" s="40"/>
      <c r="P257" s="40"/>
      <c r="Q257" s="40"/>
      <c r="R257" s="40"/>
      <c r="S257" s="40"/>
    </row>
    <row r="258" spans="2:19" ht="13.5">
      <c r="B258" s="40"/>
      <c r="C258" s="40"/>
      <c r="D258" s="40"/>
      <c r="E258" s="40"/>
      <c r="F258" s="40"/>
      <c r="G258" s="40"/>
      <c r="H258" s="40"/>
      <c r="L258" s="40"/>
      <c r="M258" s="40"/>
      <c r="N258" s="40"/>
      <c r="O258" s="40"/>
      <c r="P258" s="40"/>
      <c r="Q258" s="40"/>
      <c r="R258" s="40"/>
      <c r="S258" s="40"/>
    </row>
    <row r="259" spans="2:19" ht="13.5">
      <c r="B259" s="40"/>
      <c r="C259" s="40"/>
      <c r="D259" s="40"/>
      <c r="E259" s="40"/>
      <c r="F259" s="40"/>
      <c r="G259" s="40"/>
      <c r="H259" s="40"/>
      <c r="L259" s="40"/>
      <c r="M259" s="40"/>
      <c r="N259" s="40"/>
      <c r="O259" s="40"/>
      <c r="P259" s="40"/>
      <c r="Q259" s="40"/>
      <c r="R259" s="40"/>
      <c r="S259" s="40"/>
    </row>
    <row r="260" spans="2:19" ht="13.5">
      <c r="B260" s="40"/>
      <c r="C260" s="40"/>
      <c r="D260" s="40"/>
      <c r="E260" s="40"/>
      <c r="F260" s="40"/>
      <c r="G260" s="40"/>
      <c r="H260" s="40"/>
      <c r="L260" s="40"/>
      <c r="M260" s="40"/>
      <c r="N260" s="40"/>
      <c r="O260" s="40"/>
      <c r="P260" s="40"/>
      <c r="Q260" s="40"/>
      <c r="R260" s="40"/>
      <c r="S260" s="40"/>
    </row>
    <row r="261" spans="2:19" ht="13.5">
      <c r="B261" s="40"/>
      <c r="C261" s="40"/>
      <c r="D261" s="40"/>
      <c r="E261" s="40"/>
      <c r="F261" s="40"/>
      <c r="G261" s="40"/>
      <c r="H261" s="40"/>
      <c r="L261" s="40"/>
      <c r="M261" s="40"/>
      <c r="N261" s="40"/>
      <c r="O261" s="40"/>
      <c r="P261" s="40"/>
      <c r="Q261" s="40"/>
      <c r="R261" s="40"/>
      <c r="S261" s="40"/>
    </row>
    <row r="262" spans="2:19" ht="13.5">
      <c r="B262" s="40"/>
      <c r="C262" s="40"/>
      <c r="D262" s="40"/>
      <c r="E262" s="40"/>
      <c r="F262" s="40"/>
      <c r="G262" s="40"/>
      <c r="H262" s="40"/>
      <c r="L262" s="40"/>
      <c r="M262" s="40"/>
      <c r="N262" s="40"/>
      <c r="O262" s="40"/>
      <c r="P262" s="40"/>
      <c r="Q262" s="40"/>
      <c r="R262" s="40"/>
      <c r="S262" s="40"/>
    </row>
    <row r="263" spans="2:19" ht="13.5">
      <c r="B263" s="40"/>
      <c r="C263" s="40"/>
      <c r="D263" s="40"/>
      <c r="E263" s="40"/>
      <c r="F263" s="40"/>
      <c r="G263" s="40"/>
      <c r="H263" s="40"/>
      <c r="L263" s="40"/>
      <c r="M263" s="40"/>
      <c r="N263" s="40"/>
      <c r="O263" s="40"/>
      <c r="P263" s="40"/>
      <c r="Q263" s="40"/>
      <c r="R263" s="40"/>
      <c r="S263" s="40"/>
    </row>
    <row r="264" spans="2:19" ht="13.5">
      <c r="B264" s="40"/>
      <c r="C264" s="40"/>
      <c r="D264" s="40"/>
      <c r="E264" s="40"/>
      <c r="F264" s="40"/>
      <c r="G264" s="40"/>
      <c r="H264" s="40"/>
      <c r="L264" s="40"/>
      <c r="M264" s="40"/>
      <c r="N264" s="40"/>
      <c r="O264" s="40"/>
      <c r="P264" s="40"/>
      <c r="Q264" s="40"/>
      <c r="R264" s="40"/>
      <c r="S264" s="40"/>
    </row>
    <row r="265" spans="2:19" ht="13.5">
      <c r="B265" s="40"/>
      <c r="C265" s="40"/>
      <c r="D265" s="40"/>
      <c r="E265" s="40"/>
      <c r="F265" s="40"/>
      <c r="G265" s="40"/>
      <c r="H265" s="40"/>
      <c r="L265" s="40"/>
      <c r="M265" s="40"/>
      <c r="N265" s="40"/>
      <c r="O265" s="40"/>
      <c r="P265" s="40"/>
      <c r="Q265" s="40"/>
      <c r="R265" s="40"/>
      <c r="S265" s="40"/>
    </row>
    <row r="266" spans="2:19" ht="13.5">
      <c r="B266" s="40"/>
      <c r="C266" s="40"/>
      <c r="D266" s="40"/>
      <c r="E266" s="40"/>
      <c r="F266" s="40"/>
      <c r="G266" s="40"/>
      <c r="H266" s="40"/>
      <c r="L266" s="40"/>
      <c r="M266" s="40"/>
      <c r="N266" s="40"/>
      <c r="O266" s="40"/>
      <c r="P266" s="40"/>
      <c r="Q266" s="40"/>
      <c r="R266" s="40"/>
      <c r="S266" s="40"/>
    </row>
    <row r="267" spans="2:19" ht="13.5">
      <c r="B267" s="40"/>
      <c r="C267" s="40"/>
      <c r="D267" s="40"/>
      <c r="E267" s="40"/>
      <c r="F267" s="40"/>
      <c r="G267" s="40"/>
      <c r="H267" s="40"/>
      <c r="L267" s="40"/>
      <c r="M267" s="40"/>
      <c r="N267" s="40"/>
      <c r="O267" s="40"/>
      <c r="P267" s="40"/>
      <c r="Q267" s="40"/>
      <c r="R267" s="40"/>
      <c r="S267" s="40"/>
    </row>
    <row r="268" spans="2:19" ht="13.5">
      <c r="B268" s="40"/>
      <c r="C268" s="40"/>
      <c r="D268" s="40"/>
      <c r="E268" s="40"/>
      <c r="F268" s="40"/>
      <c r="G268" s="40"/>
      <c r="H268" s="40"/>
      <c r="L268" s="40"/>
      <c r="M268" s="40"/>
      <c r="N268" s="40"/>
      <c r="O268" s="40"/>
      <c r="P268" s="40"/>
      <c r="Q268" s="40"/>
      <c r="R268" s="40"/>
      <c r="S268" s="40"/>
    </row>
    <row r="269" spans="2:19" ht="13.5">
      <c r="B269" s="40"/>
      <c r="C269" s="40"/>
      <c r="D269" s="40"/>
      <c r="E269" s="40"/>
      <c r="F269" s="40"/>
      <c r="G269" s="40"/>
      <c r="H269" s="40"/>
      <c r="L269" s="40"/>
      <c r="M269" s="40"/>
      <c r="N269" s="40"/>
      <c r="O269" s="40"/>
      <c r="P269" s="40"/>
      <c r="Q269" s="40"/>
      <c r="R269" s="40"/>
      <c r="S269" s="40"/>
    </row>
    <row r="270" spans="2:19" ht="13.5">
      <c r="B270" s="40"/>
      <c r="C270" s="40"/>
      <c r="D270" s="40"/>
      <c r="E270" s="40"/>
      <c r="F270" s="40"/>
      <c r="G270" s="40"/>
      <c r="H270" s="40"/>
      <c r="L270" s="40"/>
      <c r="M270" s="40"/>
      <c r="N270" s="40"/>
      <c r="O270" s="40"/>
      <c r="P270" s="40"/>
      <c r="Q270" s="40"/>
      <c r="R270" s="40"/>
      <c r="S270" s="40"/>
    </row>
    <row r="271" spans="2:19" ht="13.5">
      <c r="B271" s="40"/>
      <c r="C271" s="40"/>
      <c r="D271" s="40"/>
      <c r="E271" s="40"/>
      <c r="F271" s="40"/>
      <c r="G271" s="40"/>
      <c r="H271" s="40"/>
      <c r="L271" s="40"/>
      <c r="M271" s="40"/>
      <c r="N271" s="40"/>
      <c r="O271" s="40"/>
      <c r="P271" s="40"/>
      <c r="Q271" s="40"/>
      <c r="R271" s="40"/>
      <c r="S271" s="40"/>
    </row>
    <row r="272" spans="2:19" ht="13.5">
      <c r="B272" s="40"/>
      <c r="C272" s="40"/>
      <c r="D272" s="40"/>
      <c r="E272" s="40"/>
      <c r="F272" s="40"/>
      <c r="G272" s="40"/>
      <c r="H272" s="40"/>
      <c r="L272" s="40"/>
      <c r="M272" s="40"/>
      <c r="N272" s="40"/>
      <c r="O272" s="40"/>
      <c r="P272" s="40"/>
      <c r="Q272" s="40"/>
      <c r="R272" s="40"/>
      <c r="S272" s="40"/>
    </row>
    <row r="273" spans="2:19" ht="13.5">
      <c r="B273" s="40"/>
      <c r="C273" s="40"/>
      <c r="D273" s="40"/>
      <c r="E273" s="40"/>
      <c r="F273" s="40"/>
      <c r="G273" s="40"/>
      <c r="H273" s="40"/>
      <c r="L273" s="40"/>
      <c r="M273" s="40"/>
      <c r="N273" s="40"/>
      <c r="O273" s="40"/>
      <c r="P273" s="40"/>
      <c r="Q273" s="40"/>
      <c r="R273" s="40"/>
      <c r="S273" s="40"/>
    </row>
    <row r="274" spans="2:19" ht="13.5">
      <c r="B274" s="40"/>
      <c r="C274" s="40"/>
      <c r="D274" s="40"/>
      <c r="E274" s="40"/>
      <c r="F274" s="40"/>
      <c r="G274" s="40"/>
      <c r="H274" s="40"/>
      <c r="L274" s="40"/>
      <c r="M274" s="40"/>
      <c r="N274" s="40"/>
      <c r="O274" s="40"/>
      <c r="P274" s="40"/>
      <c r="Q274" s="40"/>
      <c r="R274" s="40"/>
      <c r="S274" s="40"/>
    </row>
    <row r="275" spans="2:19" ht="13.5">
      <c r="B275" s="40"/>
      <c r="C275" s="40"/>
      <c r="D275" s="40"/>
      <c r="E275" s="40"/>
      <c r="F275" s="40"/>
      <c r="G275" s="40"/>
      <c r="H275" s="40"/>
      <c r="L275" s="40"/>
      <c r="M275" s="40"/>
      <c r="N275" s="40"/>
      <c r="O275" s="40"/>
      <c r="P275" s="40"/>
      <c r="Q275" s="40"/>
      <c r="R275" s="40"/>
      <c r="S275" s="40"/>
    </row>
    <row r="276" spans="2:19" ht="13.5">
      <c r="B276" s="40"/>
      <c r="C276" s="40"/>
      <c r="D276" s="40"/>
      <c r="E276" s="40"/>
      <c r="F276" s="40"/>
      <c r="G276" s="40"/>
      <c r="H276" s="40"/>
      <c r="L276" s="40"/>
      <c r="M276" s="40"/>
      <c r="N276" s="40"/>
      <c r="O276" s="40"/>
      <c r="P276" s="40"/>
      <c r="Q276" s="40"/>
      <c r="R276" s="40"/>
      <c r="S276" s="40"/>
    </row>
    <row r="277" spans="2:19" ht="13.5">
      <c r="B277" s="40"/>
      <c r="C277" s="40"/>
      <c r="D277" s="40"/>
      <c r="E277" s="40"/>
      <c r="F277" s="40"/>
      <c r="G277" s="40"/>
      <c r="H277" s="40"/>
      <c r="L277" s="40"/>
      <c r="M277" s="40"/>
      <c r="N277" s="40"/>
      <c r="O277" s="40"/>
      <c r="P277" s="40"/>
      <c r="Q277" s="40"/>
      <c r="R277" s="40"/>
      <c r="S277" s="40"/>
    </row>
    <row r="278" spans="2:19" ht="13.5">
      <c r="B278" s="40"/>
      <c r="C278" s="40"/>
      <c r="D278" s="40"/>
      <c r="E278" s="40"/>
      <c r="F278" s="40"/>
      <c r="G278" s="40"/>
      <c r="H278" s="40"/>
      <c r="L278" s="40"/>
      <c r="M278" s="40"/>
      <c r="N278" s="40"/>
      <c r="O278" s="40"/>
      <c r="P278" s="40"/>
      <c r="Q278" s="40"/>
      <c r="R278" s="40"/>
      <c r="S278" s="40"/>
    </row>
    <row r="279" spans="2:19" ht="13.5">
      <c r="B279" s="40"/>
      <c r="C279" s="40"/>
      <c r="D279" s="40"/>
      <c r="E279" s="40"/>
      <c r="F279" s="40"/>
      <c r="G279" s="40"/>
      <c r="H279" s="40"/>
      <c r="L279" s="40"/>
      <c r="M279" s="40"/>
      <c r="N279" s="40"/>
      <c r="O279" s="40"/>
      <c r="P279" s="40"/>
      <c r="Q279" s="40"/>
      <c r="R279" s="40"/>
      <c r="S279" s="40"/>
    </row>
    <row r="280" spans="2:19" ht="13.5">
      <c r="B280" s="40"/>
      <c r="C280" s="40"/>
      <c r="D280" s="40"/>
      <c r="E280" s="40"/>
      <c r="F280" s="40"/>
      <c r="G280" s="40"/>
      <c r="H280" s="40"/>
      <c r="L280" s="40"/>
      <c r="M280" s="40"/>
      <c r="N280" s="40"/>
      <c r="O280" s="40"/>
      <c r="P280" s="40"/>
      <c r="Q280" s="40"/>
      <c r="R280" s="40"/>
      <c r="S280" s="40"/>
    </row>
    <row r="281" spans="2:19" ht="13.5">
      <c r="B281" s="40"/>
      <c r="C281" s="40"/>
      <c r="D281" s="40"/>
      <c r="E281" s="40"/>
      <c r="F281" s="40"/>
      <c r="G281" s="40"/>
      <c r="H281" s="40"/>
      <c r="L281" s="40"/>
      <c r="M281" s="40"/>
      <c r="N281" s="40"/>
      <c r="O281" s="40"/>
      <c r="P281" s="40"/>
      <c r="Q281" s="40"/>
      <c r="R281" s="40"/>
      <c r="S281" s="40"/>
    </row>
    <row r="282" spans="2:19" ht="13.5">
      <c r="B282" s="40"/>
      <c r="C282" s="40"/>
      <c r="D282" s="40"/>
      <c r="E282" s="40"/>
      <c r="F282" s="40"/>
      <c r="G282" s="40"/>
      <c r="H282" s="40"/>
      <c r="L282" s="40"/>
      <c r="M282" s="40"/>
      <c r="N282" s="40"/>
      <c r="O282" s="40"/>
      <c r="P282" s="40"/>
      <c r="Q282" s="40"/>
      <c r="R282" s="40"/>
      <c r="S282" s="40"/>
    </row>
    <row r="283" spans="2:19" ht="13.5">
      <c r="B283" s="40"/>
      <c r="C283" s="40"/>
      <c r="D283" s="40"/>
      <c r="E283" s="40"/>
      <c r="F283" s="40"/>
      <c r="G283" s="40"/>
      <c r="H283" s="40"/>
      <c r="L283" s="40"/>
      <c r="M283" s="40"/>
      <c r="N283" s="40"/>
      <c r="O283" s="40"/>
      <c r="P283" s="40"/>
      <c r="Q283" s="40"/>
      <c r="R283" s="40"/>
      <c r="S283" s="40"/>
    </row>
    <row r="284" spans="2:19" ht="13.5">
      <c r="B284" s="40"/>
      <c r="C284" s="40"/>
      <c r="D284" s="40"/>
      <c r="E284" s="40"/>
      <c r="F284" s="40"/>
      <c r="G284" s="40"/>
      <c r="H284" s="40"/>
      <c r="L284" s="40"/>
      <c r="M284" s="40"/>
      <c r="N284" s="40"/>
      <c r="O284" s="40"/>
      <c r="P284" s="40"/>
      <c r="Q284" s="40"/>
      <c r="R284" s="40"/>
      <c r="S284" s="40"/>
    </row>
    <row r="285" spans="2:19" ht="13.5">
      <c r="B285" s="40"/>
      <c r="C285" s="40"/>
      <c r="D285" s="40"/>
      <c r="E285" s="40"/>
      <c r="F285" s="40"/>
      <c r="G285" s="40"/>
      <c r="H285" s="40"/>
      <c r="L285" s="40"/>
      <c r="M285" s="40"/>
      <c r="N285" s="40"/>
      <c r="O285" s="40"/>
      <c r="P285" s="40"/>
      <c r="Q285" s="40"/>
      <c r="R285" s="40"/>
      <c r="S285" s="40"/>
    </row>
    <row r="286" spans="2:19" ht="13.5">
      <c r="B286" s="40"/>
      <c r="C286" s="40"/>
      <c r="D286" s="40"/>
      <c r="E286" s="40"/>
      <c r="F286" s="40"/>
      <c r="G286" s="40"/>
      <c r="H286" s="40"/>
      <c r="L286" s="40"/>
      <c r="M286" s="40"/>
      <c r="N286" s="40"/>
      <c r="O286" s="40"/>
      <c r="P286" s="40"/>
      <c r="Q286" s="40"/>
      <c r="R286" s="40"/>
      <c r="S286" s="40"/>
    </row>
    <row r="287" spans="2:19" ht="13.5">
      <c r="B287" s="40"/>
      <c r="C287" s="40"/>
      <c r="D287" s="40"/>
      <c r="E287" s="40"/>
      <c r="F287" s="40"/>
      <c r="G287" s="40"/>
      <c r="H287" s="40"/>
      <c r="L287" s="40"/>
      <c r="M287" s="40"/>
      <c r="N287" s="40"/>
      <c r="O287" s="40"/>
      <c r="P287" s="40"/>
      <c r="Q287" s="40"/>
      <c r="R287" s="40"/>
      <c r="S287" s="40"/>
    </row>
    <row r="288" spans="2:19" ht="13.5">
      <c r="B288" s="40"/>
      <c r="C288" s="40"/>
      <c r="D288" s="40"/>
      <c r="E288" s="40"/>
      <c r="F288" s="40"/>
      <c r="G288" s="40"/>
      <c r="H288" s="40"/>
      <c r="L288" s="40"/>
      <c r="M288" s="40"/>
      <c r="N288" s="40"/>
      <c r="O288" s="40"/>
      <c r="P288" s="40"/>
      <c r="Q288" s="40"/>
      <c r="R288" s="40"/>
      <c r="S288" s="40"/>
    </row>
    <row r="289" spans="2:19" ht="13.5">
      <c r="B289" s="40"/>
      <c r="C289" s="40"/>
      <c r="D289" s="40"/>
      <c r="E289" s="40"/>
      <c r="F289" s="40"/>
      <c r="G289" s="40"/>
      <c r="H289" s="40"/>
      <c r="L289" s="40"/>
      <c r="M289" s="40"/>
      <c r="N289" s="40"/>
      <c r="O289" s="40"/>
      <c r="P289" s="40"/>
      <c r="Q289" s="40"/>
      <c r="R289" s="40"/>
      <c r="S289" s="40"/>
    </row>
    <row r="290" spans="2:19" ht="13.5">
      <c r="B290" s="40"/>
      <c r="C290" s="40"/>
      <c r="D290" s="40"/>
      <c r="E290" s="40"/>
      <c r="F290" s="40"/>
      <c r="G290" s="40"/>
      <c r="H290" s="40"/>
      <c r="L290" s="40"/>
      <c r="M290" s="40"/>
      <c r="N290" s="40"/>
      <c r="O290" s="40"/>
      <c r="P290" s="40"/>
      <c r="Q290" s="40"/>
      <c r="R290" s="40"/>
      <c r="S290" s="40"/>
    </row>
    <row r="291" spans="2:19" ht="13.5">
      <c r="B291" s="40"/>
      <c r="C291" s="40"/>
      <c r="D291" s="40"/>
      <c r="E291" s="40"/>
      <c r="F291" s="40"/>
      <c r="G291" s="40"/>
      <c r="H291" s="40"/>
      <c r="L291" s="40"/>
      <c r="M291" s="40"/>
      <c r="N291" s="40"/>
      <c r="O291" s="40"/>
      <c r="P291" s="40"/>
      <c r="Q291" s="40"/>
      <c r="R291" s="40"/>
      <c r="S291" s="40"/>
    </row>
    <row r="292" spans="2:19" ht="13.5">
      <c r="B292" s="40"/>
      <c r="C292" s="40"/>
      <c r="D292" s="40"/>
      <c r="E292" s="40"/>
      <c r="F292" s="40"/>
      <c r="G292" s="40"/>
      <c r="H292" s="40"/>
      <c r="L292" s="40"/>
      <c r="M292" s="40"/>
      <c r="N292" s="40"/>
      <c r="O292" s="40"/>
      <c r="P292" s="40"/>
      <c r="Q292" s="40"/>
      <c r="R292" s="40"/>
      <c r="S292" s="40"/>
    </row>
    <row r="293" spans="2:19" ht="13.5">
      <c r="B293" s="40"/>
      <c r="C293" s="40"/>
      <c r="D293" s="40"/>
      <c r="E293" s="40"/>
      <c r="F293" s="40"/>
      <c r="G293" s="40"/>
      <c r="H293" s="40"/>
      <c r="L293" s="40"/>
      <c r="M293" s="40"/>
      <c r="N293" s="40"/>
      <c r="O293" s="40"/>
      <c r="P293" s="40"/>
      <c r="Q293" s="40"/>
      <c r="R293" s="40"/>
      <c r="S293" s="40"/>
    </row>
    <row r="294" spans="2:19" ht="13.5">
      <c r="B294" s="40"/>
      <c r="C294" s="40"/>
      <c r="D294" s="40"/>
      <c r="E294" s="40"/>
      <c r="F294" s="40"/>
      <c r="G294" s="40"/>
      <c r="H294" s="40"/>
      <c r="L294" s="40"/>
      <c r="M294" s="40"/>
      <c r="N294" s="40"/>
      <c r="O294" s="40"/>
      <c r="P294" s="40"/>
      <c r="Q294" s="40"/>
      <c r="R294" s="40"/>
      <c r="S294" s="40"/>
    </row>
    <row r="295" spans="2:19" ht="13.5">
      <c r="B295" s="40"/>
      <c r="C295" s="40"/>
      <c r="D295" s="40"/>
      <c r="E295" s="40"/>
      <c r="F295" s="40"/>
      <c r="G295" s="40"/>
      <c r="H295" s="40"/>
      <c r="L295" s="40"/>
      <c r="M295" s="40"/>
      <c r="N295" s="40"/>
      <c r="O295" s="40"/>
      <c r="P295" s="40"/>
      <c r="Q295" s="40"/>
      <c r="R295" s="40"/>
      <c r="S295" s="40"/>
    </row>
    <row r="296" spans="2:19" ht="13.5">
      <c r="B296" s="40"/>
      <c r="C296" s="40"/>
      <c r="D296" s="40"/>
      <c r="E296" s="40"/>
      <c r="F296" s="40"/>
      <c r="G296" s="40"/>
      <c r="H296" s="40"/>
      <c r="L296" s="40"/>
      <c r="M296" s="40"/>
      <c r="N296" s="40"/>
      <c r="O296" s="40"/>
      <c r="P296" s="40"/>
      <c r="Q296" s="40"/>
      <c r="R296" s="40"/>
      <c r="S296" s="40"/>
    </row>
    <row r="297" spans="2:19" ht="13.5">
      <c r="B297" s="40"/>
      <c r="C297" s="40"/>
      <c r="D297" s="40"/>
      <c r="E297" s="40"/>
      <c r="F297" s="40"/>
      <c r="G297" s="40"/>
      <c r="H297" s="40"/>
      <c r="L297" s="40"/>
      <c r="M297" s="40"/>
      <c r="N297" s="40"/>
      <c r="O297" s="40"/>
      <c r="P297" s="40"/>
      <c r="Q297" s="40"/>
      <c r="R297" s="40"/>
      <c r="S297" s="40"/>
    </row>
    <row r="298" spans="2:19" ht="13.5">
      <c r="B298" s="40"/>
      <c r="C298" s="40"/>
      <c r="D298" s="40"/>
      <c r="E298" s="40"/>
      <c r="F298" s="40"/>
      <c r="G298" s="40"/>
      <c r="H298" s="40"/>
      <c r="L298" s="40"/>
      <c r="M298" s="40"/>
      <c r="N298" s="40"/>
      <c r="O298" s="40"/>
      <c r="P298" s="40"/>
      <c r="Q298" s="40"/>
      <c r="R298" s="40"/>
      <c r="S298" s="40"/>
    </row>
    <row r="299" spans="2:19" ht="13.5">
      <c r="B299" s="40"/>
      <c r="C299" s="40"/>
      <c r="D299" s="40"/>
      <c r="E299" s="40"/>
      <c r="F299" s="40"/>
      <c r="G299" s="40"/>
      <c r="H299" s="40"/>
      <c r="L299" s="40"/>
      <c r="M299" s="40"/>
      <c r="N299" s="40"/>
      <c r="O299" s="40"/>
      <c r="P299" s="40"/>
      <c r="Q299" s="40"/>
      <c r="R299" s="40"/>
      <c r="S299" s="40"/>
    </row>
    <row r="300" spans="2:19" ht="13.5">
      <c r="B300" s="40"/>
      <c r="C300" s="40"/>
      <c r="D300" s="40"/>
      <c r="E300" s="40"/>
      <c r="F300" s="40"/>
      <c r="G300" s="40"/>
      <c r="H300" s="40"/>
      <c r="L300" s="40"/>
      <c r="M300" s="40"/>
      <c r="N300" s="40"/>
      <c r="O300" s="40"/>
      <c r="P300" s="40"/>
      <c r="Q300" s="40"/>
      <c r="R300" s="40"/>
      <c r="S300" s="40"/>
    </row>
    <row r="301" spans="2:19" ht="13.5">
      <c r="B301" s="40"/>
      <c r="C301" s="40"/>
      <c r="D301" s="40"/>
      <c r="E301" s="40"/>
      <c r="F301" s="40"/>
      <c r="G301" s="40"/>
      <c r="H301" s="40"/>
      <c r="L301" s="40"/>
      <c r="M301" s="40"/>
      <c r="N301" s="40"/>
      <c r="O301" s="40"/>
      <c r="P301" s="40"/>
      <c r="Q301" s="40"/>
      <c r="R301" s="40"/>
      <c r="S301" s="40"/>
    </row>
    <row r="302" spans="2:19" ht="13.5">
      <c r="B302" s="40"/>
      <c r="C302" s="40"/>
      <c r="D302" s="40"/>
      <c r="E302" s="40"/>
      <c r="F302" s="40"/>
      <c r="G302" s="40"/>
      <c r="H302" s="40"/>
      <c r="L302" s="40"/>
      <c r="M302" s="40"/>
      <c r="N302" s="40"/>
      <c r="O302" s="40"/>
      <c r="P302" s="40"/>
      <c r="Q302" s="40"/>
      <c r="R302" s="40"/>
      <c r="S302" s="40"/>
    </row>
    <row r="303" spans="2:19" ht="13.5">
      <c r="B303" s="40"/>
      <c r="C303" s="40"/>
      <c r="D303" s="40"/>
      <c r="E303" s="40"/>
      <c r="F303" s="40"/>
      <c r="G303" s="40"/>
      <c r="H303" s="40"/>
      <c r="L303" s="40"/>
      <c r="M303" s="40"/>
      <c r="N303" s="40"/>
      <c r="O303" s="40"/>
      <c r="P303" s="40"/>
      <c r="Q303" s="40"/>
      <c r="R303" s="40"/>
      <c r="S303" s="40"/>
    </row>
    <row r="304" spans="2:19" ht="13.5">
      <c r="B304" s="40"/>
      <c r="C304" s="40"/>
      <c r="D304" s="40"/>
      <c r="E304" s="40"/>
      <c r="F304" s="40"/>
      <c r="G304" s="40"/>
      <c r="H304" s="40"/>
      <c r="L304" s="40"/>
      <c r="M304" s="40"/>
      <c r="N304" s="40"/>
      <c r="O304" s="40"/>
      <c r="P304" s="40"/>
      <c r="Q304" s="40"/>
      <c r="R304" s="40"/>
      <c r="S304" s="40"/>
    </row>
    <row r="305" spans="2:19" ht="13.5">
      <c r="B305" s="40"/>
      <c r="C305" s="40"/>
      <c r="D305" s="40"/>
      <c r="E305" s="40"/>
      <c r="F305" s="40"/>
      <c r="G305" s="40"/>
      <c r="H305" s="40"/>
      <c r="L305" s="40"/>
      <c r="M305" s="40"/>
      <c r="N305" s="40"/>
      <c r="O305" s="40"/>
      <c r="P305" s="40"/>
      <c r="Q305" s="40"/>
      <c r="R305" s="40"/>
      <c r="S305" s="40"/>
    </row>
    <row r="306" spans="2:19" ht="13.5">
      <c r="B306" s="40"/>
      <c r="C306" s="40"/>
      <c r="D306" s="40"/>
      <c r="E306" s="40"/>
      <c r="F306" s="40"/>
      <c r="G306" s="40"/>
      <c r="H306" s="40"/>
      <c r="L306" s="40"/>
      <c r="M306" s="40"/>
      <c r="N306" s="40"/>
      <c r="O306" s="40"/>
      <c r="P306" s="40"/>
      <c r="Q306" s="40"/>
      <c r="R306" s="40"/>
      <c r="S306" s="40"/>
    </row>
    <row r="307" spans="2:19" ht="13.5">
      <c r="B307" s="40"/>
      <c r="C307" s="40"/>
      <c r="D307" s="40"/>
      <c r="E307" s="40"/>
      <c r="F307" s="40"/>
      <c r="G307" s="40"/>
      <c r="H307" s="40"/>
      <c r="L307" s="40"/>
      <c r="M307" s="40"/>
      <c r="N307" s="40"/>
      <c r="O307" s="40"/>
      <c r="P307" s="40"/>
      <c r="Q307" s="40"/>
      <c r="R307" s="40"/>
      <c r="S307" s="40"/>
    </row>
    <row r="308" spans="2:19" ht="13.5">
      <c r="B308" s="40"/>
      <c r="C308" s="40"/>
      <c r="D308" s="40"/>
      <c r="E308" s="40"/>
      <c r="F308" s="40"/>
      <c r="G308" s="40"/>
      <c r="H308" s="40"/>
      <c r="L308" s="40"/>
      <c r="M308" s="40"/>
      <c r="N308" s="40"/>
      <c r="O308" s="40"/>
      <c r="P308" s="40"/>
      <c r="Q308" s="40"/>
      <c r="R308" s="40"/>
      <c r="S308" s="40"/>
    </row>
    <row r="309" spans="2:19" ht="13.5">
      <c r="B309" s="40"/>
      <c r="C309" s="40"/>
      <c r="D309" s="40"/>
      <c r="E309" s="40"/>
      <c r="F309" s="40"/>
      <c r="G309" s="40"/>
      <c r="H309" s="40"/>
      <c r="L309" s="40"/>
      <c r="M309" s="40"/>
      <c r="N309" s="40"/>
      <c r="O309" s="40"/>
      <c r="P309" s="40"/>
      <c r="Q309" s="40"/>
      <c r="R309" s="40"/>
      <c r="S309" s="40"/>
    </row>
    <row r="310" spans="2:19" ht="13.5">
      <c r="B310" s="40"/>
      <c r="C310" s="40"/>
      <c r="D310" s="40"/>
      <c r="E310" s="40"/>
      <c r="F310" s="40"/>
      <c r="G310" s="40"/>
      <c r="H310" s="40"/>
      <c r="L310" s="40"/>
      <c r="M310" s="40"/>
      <c r="N310" s="40"/>
      <c r="O310" s="40"/>
      <c r="P310" s="40"/>
      <c r="Q310" s="40"/>
      <c r="R310" s="40"/>
      <c r="S310" s="40"/>
    </row>
    <row r="311" spans="2:19" ht="13.5">
      <c r="B311" s="40"/>
      <c r="C311" s="40"/>
      <c r="D311" s="40"/>
      <c r="E311" s="40"/>
      <c r="F311" s="40"/>
      <c r="G311" s="40"/>
      <c r="H311" s="40"/>
      <c r="L311" s="40"/>
      <c r="M311" s="40"/>
      <c r="N311" s="40"/>
      <c r="O311" s="40"/>
      <c r="P311" s="40"/>
      <c r="Q311" s="40"/>
      <c r="R311" s="40"/>
      <c r="S311" s="40"/>
    </row>
    <row r="312" spans="2:19" ht="13.5">
      <c r="B312" s="40"/>
      <c r="C312" s="40"/>
      <c r="D312" s="40"/>
      <c r="E312" s="40"/>
      <c r="F312" s="40"/>
      <c r="G312" s="40"/>
      <c r="H312" s="40"/>
      <c r="L312" s="40"/>
      <c r="M312" s="40"/>
      <c r="N312" s="40"/>
      <c r="O312" s="40"/>
      <c r="P312" s="40"/>
      <c r="Q312" s="40"/>
      <c r="R312" s="40"/>
      <c r="S312" s="40"/>
    </row>
    <row r="313" spans="2:19" ht="13.5">
      <c r="B313" s="40"/>
      <c r="C313" s="40"/>
      <c r="D313" s="40"/>
      <c r="E313" s="40"/>
      <c r="F313" s="40"/>
      <c r="G313" s="40"/>
      <c r="H313" s="40"/>
      <c r="L313" s="40"/>
      <c r="M313" s="40"/>
      <c r="N313" s="40"/>
      <c r="O313" s="40"/>
      <c r="P313" s="40"/>
      <c r="Q313" s="40"/>
      <c r="R313" s="40"/>
      <c r="S313" s="40"/>
    </row>
    <row r="314" spans="2:19" ht="13.5">
      <c r="B314" s="40"/>
      <c r="C314" s="40"/>
      <c r="D314" s="40"/>
      <c r="E314" s="40"/>
      <c r="F314" s="40"/>
      <c r="G314" s="40"/>
      <c r="H314" s="40"/>
      <c r="L314" s="40"/>
      <c r="M314" s="40"/>
      <c r="N314" s="40"/>
      <c r="O314" s="40"/>
      <c r="P314" s="40"/>
      <c r="Q314" s="40"/>
      <c r="R314" s="40"/>
      <c r="S314" s="40"/>
    </row>
    <row r="315" spans="2:19" ht="13.5">
      <c r="B315" s="40"/>
      <c r="C315" s="40"/>
      <c r="D315" s="40"/>
      <c r="E315" s="40"/>
      <c r="F315" s="40"/>
      <c r="G315" s="40"/>
      <c r="H315" s="40"/>
      <c r="L315" s="40"/>
      <c r="M315" s="40"/>
      <c r="N315" s="40"/>
      <c r="O315" s="40"/>
      <c r="P315" s="40"/>
      <c r="Q315" s="40"/>
      <c r="R315" s="40"/>
      <c r="S315" s="40"/>
    </row>
    <row r="316" spans="2:19" ht="13.5">
      <c r="B316" s="40"/>
      <c r="C316" s="40"/>
      <c r="D316" s="40"/>
      <c r="E316" s="40"/>
      <c r="F316" s="40"/>
      <c r="G316" s="40"/>
      <c r="H316" s="40"/>
      <c r="L316" s="40"/>
      <c r="M316" s="40"/>
      <c r="N316" s="40"/>
      <c r="O316" s="40"/>
      <c r="P316" s="40"/>
      <c r="Q316" s="40"/>
      <c r="R316" s="40"/>
      <c r="S316" s="40"/>
    </row>
    <row r="317" spans="2:19" ht="13.5">
      <c r="B317" s="40"/>
      <c r="C317" s="40"/>
      <c r="D317" s="40"/>
      <c r="E317" s="40"/>
      <c r="F317" s="40"/>
      <c r="G317" s="40"/>
      <c r="H317" s="40"/>
      <c r="L317" s="40"/>
      <c r="M317" s="40"/>
      <c r="N317" s="40"/>
      <c r="O317" s="40"/>
      <c r="P317" s="40"/>
      <c r="Q317" s="40"/>
      <c r="R317" s="40"/>
      <c r="S317" s="40"/>
    </row>
    <row r="318" spans="2:19" ht="13.5">
      <c r="B318" s="40"/>
      <c r="C318" s="40"/>
      <c r="D318" s="40"/>
      <c r="E318" s="40"/>
      <c r="F318" s="40"/>
      <c r="G318" s="40"/>
      <c r="H318" s="40"/>
      <c r="L318" s="40"/>
      <c r="M318" s="40"/>
      <c r="N318" s="40"/>
      <c r="O318" s="40"/>
      <c r="P318" s="40"/>
      <c r="Q318" s="40"/>
      <c r="R318" s="40"/>
      <c r="S318" s="40"/>
    </row>
    <row r="319" spans="2:19" ht="13.5">
      <c r="B319" s="40"/>
      <c r="C319" s="40"/>
      <c r="D319" s="40"/>
      <c r="E319" s="40"/>
      <c r="F319" s="40"/>
      <c r="G319" s="40"/>
      <c r="H319" s="40"/>
      <c r="L319" s="40"/>
      <c r="M319" s="40"/>
      <c r="N319" s="40"/>
      <c r="O319" s="40"/>
      <c r="P319" s="40"/>
      <c r="Q319" s="40"/>
      <c r="R319" s="40"/>
      <c r="S319" s="40"/>
    </row>
    <row r="320" spans="2:19" ht="13.5">
      <c r="B320" s="40"/>
      <c r="C320" s="40"/>
      <c r="D320" s="40"/>
      <c r="E320" s="40"/>
      <c r="F320" s="40"/>
      <c r="G320" s="40"/>
      <c r="H320" s="40"/>
      <c r="L320" s="40"/>
      <c r="M320" s="40"/>
      <c r="N320" s="40"/>
      <c r="O320" s="40"/>
      <c r="P320" s="40"/>
      <c r="Q320" s="40"/>
      <c r="R320" s="40"/>
      <c r="S320" s="40"/>
    </row>
    <row r="321" spans="2:19" ht="13.5">
      <c r="B321" s="40"/>
      <c r="C321" s="40"/>
      <c r="D321" s="40"/>
      <c r="E321" s="40"/>
      <c r="F321" s="40"/>
      <c r="G321" s="40"/>
      <c r="H321" s="40"/>
      <c r="L321" s="40"/>
      <c r="M321" s="40"/>
      <c r="N321" s="40"/>
      <c r="O321" s="40"/>
      <c r="P321" s="40"/>
      <c r="Q321" s="40"/>
      <c r="R321" s="40"/>
      <c r="S321" s="40"/>
    </row>
    <row r="322" spans="2:19" ht="13.5">
      <c r="B322" s="40"/>
      <c r="C322" s="40"/>
      <c r="D322" s="40"/>
      <c r="E322" s="40"/>
      <c r="F322" s="40"/>
      <c r="G322" s="40"/>
      <c r="H322" s="40"/>
      <c r="L322" s="40"/>
      <c r="M322" s="40"/>
      <c r="N322" s="40"/>
      <c r="O322" s="40"/>
      <c r="P322" s="40"/>
      <c r="Q322" s="40"/>
      <c r="R322" s="40"/>
      <c r="S322" s="40"/>
    </row>
    <row r="323" spans="2:19" ht="13.5">
      <c r="B323" s="40"/>
      <c r="C323" s="40"/>
      <c r="D323" s="40"/>
      <c r="E323" s="40"/>
      <c r="F323" s="40"/>
      <c r="G323" s="40"/>
      <c r="H323" s="40"/>
      <c r="L323" s="40"/>
      <c r="M323" s="40"/>
      <c r="N323" s="40"/>
      <c r="O323" s="40"/>
      <c r="P323" s="40"/>
      <c r="Q323" s="40"/>
      <c r="R323" s="40"/>
      <c r="S323" s="40"/>
    </row>
    <row r="324" spans="2:19" ht="13.5">
      <c r="B324" s="40"/>
      <c r="C324" s="40"/>
      <c r="D324" s="40"/>
      <c r="E324" s="40"/>
      <c r="F324" s="40"/>
      <c r="G324" s="40"/>
      <c r="H324" s="40"/>
      <c r="L324" s="40"/>
      <c r="M324" s="40"/>
      <c r="N324" s="40"/>
      <c r="O324" s="40"/>
      <c r="P324" s="40"/>
      <c r="Q324" s="40"/>
      <c r="R324" s="40"/>
      <c r="S324" s="40"/>
    </row>
    <row r="325" spans="2:19" ht="13.5">
      <c r="B325" s="40"/>
      <c r="C325" s="40"/>
      <c r="D325" s="40"/>
      <c r="E325" s="40"/>
      <c r="F325" s="40"/>
      <c r="G325" s="40"/>
      <c r="H325" s="40"/>
      <c r="L325" s="40"/>
      <c r="M325" s="40"/>
      <c r="N325" s="40"/>
      <c r="O325" s="40"/>
      <c r="P325" s="40"/>
      <c r="Q325" s="40"/>
      <c r="R325" s="40"/>
      <c r="S325" s="40"/>
    </row>
    <row r="326" spans="2:19" ht="13.5">
      <c r="B326" s="40"/>
      <c r="C326" s="40"/>
      <c r="D326" s="40"/>
      <c r="E326" s="40"/>
      <c r="F326" s="40"/>
      <c r="G326" s="40"/>
      <c r="H326" s="40"/>
      <c r="L326" s="40"/>
      <c r="M326" s="40"/>
      <c r="N326" s="40"/>
      <c r="O326" s="40"/>
      <c r="P326" s="40"/>
      <c r="Q326" s="40"/>
      <c r="R326" s="40"/>
      <c r="S326" s="40"/>
    </row>
    <row r="327" spans="2:19" ht="13.5">
      <c r="B327" s="40"/>
      <c r="C327" s="40"/>
      <c r="D327" s="40"/>
      <c r="E327" s="40"/>
      <c r="F327" s="40"/>
      <c r="G327" s="40"/>
      <c r="H327" s="40"/>
      <c r="L327" s="40"/>
      <c r="M327" s="40"/>
      <c r="N327" s="40"/>
      <c r="O327" s="40"/>
      <c r="P327" s="40"/>
      <c r="Q327" s="40"/>
      <c r="R327" s="40"/>
      <c r="S327" s="40"/>
    </row>
    <row r="328" spans="2:19" ht="13.5">
      <c r="B328" s="40"/>
      <c r="C328" s="40"/>
      <c r="D328" s="40"/>
      <c r="E328" s="40"/>
      <c r="F328" s="40"/>
      <c r="G328" s="40"/>
      <c r="H328" s="40"/>
      <c r="L328" s="40"/>
      <c r="M328" s="40"/>
      <c r="N328" s="40"/>
      <c r="O328" s="40"/>
      <c r="P328" s="40"/>
      <c r="Q328" s="40"/>
      <c r="R328" s="40"/>
      <c r="S328" s="40"/>
    </row>
    <row r="329" spans="2:19" ht="13.5">
      <c r="B329" s="40"/>
      <c r="C329" s="40"/>
      <c r="D329" s="40"/>
      <c r="E329" s="40"/>
      <c r="F329" s="40"/>
      <c r="G329" s="40"/>
      <c r="H329" s="40"/>
      <c r="L329" s="40"/>
      <c r="M329" s="40"/>
      <c r="N329" s="40"/>
      <c r="O329" s="40"/>
      <c r="P329" s="40"/>
      <c r="Q329" s="40"/>
      <c r="R329" s="40"/>
      <c r="S329" s="40"/>
    </row>
    <row r="330" spans="2:19" ht="13.5">
      <c r="B330" s="40"/>
      <c r="C330" s="40"/>
      <c r="D330" s="40"/>
      <c r="E330" s="40"/>
      <c r="F330" s="40"/>
      <c r="G330" s="40"/>
      <c r="H330" s="40"/>
      <c r="L330" s="40"/>
      <c r="M330" s="40"/>
      <c r="N330" s="40"/>
      <c r="O330" s="40"/>
      <c r="P330" s="40"/>
      <c r="Q330" s="40"/>
      <c r="R330" s="40"/>
      <c r="S330" s="40"/>
    </row>
    <row r="331" spans="2:19" ht="13.5">
      <c r="B331" s="40"/>
      <c r="C331" s="40"/>
      <c r="D331" s="40"/>
      <c r="E331" s="40"/>
      <c r="F331" s="40"/>
      <c r="G331" s="40"/>
      <c r="H331" s="40"/>
      <c r="L331" s="40"/>
      <c r="M331" s="40"/>
      <c r="N331" s="40"/>
      <c r="O331" s="40"/>
      <c r="P331" s="40"/>
      <c r="Q331" s="40"/>
      <c r="R331" s="40"/>
      <c r="S331" s="40"/>
    </row>
    <row r="332" spans="2:19" ht="13.5">
      <c r="B332" s="40"/>
      <c r="C332" s="40"/>
      <c r="D332" s="40"/>
      <c r="E332" s="40"/>
      <c r="F332" s="40"/>
      <c r="G332" s="40"/>
      <c r="H332" s="40"/>
      <c r="L332" s="40"/>
      <c r="M332" s="40"/>
      <c r="N332" s="40"/>
      <c r="O332" s="40"/>
      <c r="P332" s="40"/>
      <c r="Q332" s="40"/>
      <c r="R332" s="40"/>
      <c r="S332" s="40"/>
    </row>
    <row r="333" spans="2:19" ht="13.5">
      <c r="B333" s="40"/>
      <c r="C333" s="40"/>
      <c r="D333" s="40"/>
      <c r="E333" s="40"/>
      <c r="F333" s="40"/>
      <c r="G333" s="40"/>
      <c r="H333" s="40"/>
      <c r="L333" s="40"/>
      <c r="M333" s="40"/>
      <c r="N333" s="40"/>
      <c r="O333" s="40"/>
      <c r="P333" s="40"/>
      <c r="Q333" s="40"/>
      <c r="R333" s="40"/>
      <c r="S333" s="40"/>
    </row>
    <row r="334" spans="2:19" ht="13.5">
      <c r="B334" s="40"/>
      <c r="C334" s="40"/>
      <c r="D334" s="40"/>
      <c r="E334" s="40"/>
      <c r="F334" s="40"/>
      <c r="G334" s="40"/>
      <c r="H334" s="40"/>
      <c r="L334" s="40"/>
      <c r="M334" s="40"/>
      <c r="N334" s="40"/>
      <c r="O334" s="40"/>
      <c r="P334" s="40"/>
      <c r="Q334" s="40"/>
      <c r="R334" s="40"/>
      <c r="S334" s="40"/>
    </row>
    <row r="335" spans="2:19" ht="13.5">
      <c r="B335" s="40"/>
      <c r="C335" s="40"/>
      <c r="D335" s="40"/>
      <c r="E335" s="40"/>
      <c r="F335" s="40"/>
      <c r="G335" s="40"/>
      <c r="H335" s="40"/>
      <c r="L335" s="40"/>
      <c r="M335" s="40"/>
      <c r="N335" s="40"/>
      <c r="O335" s="40"/>
      <c r="P335" s="40"/>
      <c r="Q335" s="40"/>
      <c r="R335" s="40"/>
      <c r="S335" s="40"/>
    </row>
    <row r="336" spans="2:19" ht="13.5">
      <c r="B336" s="40"/>
      <c r="C336" s="40"/>
      <c r="D336" s="40"/>
      <c r="E336" s="40"/>
      <c r="F336" s="40"/>
      <c r="G336" s="40"/>
      <c r="H336" s="40"/>
      <c r="L336" s="40"/>
      <c r="M336" s="40"/>
      <c r="N336" s="40"/>
      <c r="O336" s="40"/>
      <c r="P336" s="40"/>
      <c r="Q336" s="40"/>
      <c r="R336" s="40"/>
      <c r="S336" s="40"/>
    </row>
    <row r="337" spans="2:19" ht="13.5">
      <c r="B337" s="40"/>
      <c r="C337" s="40"/>
      <c r="D337" s="40"/>
      <c r="E337" s="40"/>
      <c r="F337" s="40"/>
      <c r="G337" s="40"/>
      <c r="H337" s="40"/>
      <c r="L337" s="40"/>
      <c r="M337" s="40"/>
      <c r="N337" s="40"/>
      <c r="O337" s="40"/>
      <c r="P337" s="40"/>
      <c r="Q337" s="40"/>
      <c r="R337" s="40"/>
      <c r="S337" s="40"/>
    </row>
    <row r="338" spans="2:19" ht="13.5">
      <c r="B338" s="40"/>
      <c r="C338" s="40"/>
      <c r="D338" s="40"/>
      <c r="E338" s="40"/>
      <c r="F338" s="40"/>
      <c r="G338" s="40"/>
      <c r="H338" s="40"/>
      <c r="L338" s="40"/>
      <c r="M338" s="40"/>
      <c r="N338" s="40"/>
      <c r="O338" s="40"/>
      <c r="P338" s="40"/>
      <c r="Q338" s="40"/>
      <c r="R338" s="40"/>
      <c r="S338" s="40"/>
    </row>
    <row r="339" spans="2:19" ht="13.5">
      <c r="B339" s="40"/>
      <c r="C339" s="40"/>
      <c r="D339" s="40"/>
      <c r="E339" s="40"/>
      <c r="F339" s="40"/>
      <c r="G339" s="40"/>
      <c r="H339" s="40"/>
      <c r="L339" s="40"/>
      <c r="M339" s="40"/>
      <c r="N339" s="40"/>
      <c r="O339" s="40"/>
      <c r="P339" s="40"/>
      <c r="Q339" s="40"/>
      <c r="R339" s="40"/>
      <c r="S339" s="40"/>
    </row>
    <row r="340" spans="2:19" ht="13.5">
      <c r="B340" s="40"/>
      <c r="C340" s="40"/>
      <c r="D340" s="40"/>
      <c r="E340" s="40"/>
      <c r="F340" s="40"/>
      <c r="G340" s="40"/>
      <c r="H340" s="40"/>
      <c r="L340" s="40"/>
      <c r="M340" s="40"/>
      <c r="N340" s="40"/>
      <c r="O340" s="40"/>
      <c r="P340" s="40"/>
      <c r="Q340" s="40"/>
      <c r="R340" s="40"/>
      <c r="S340" s="40"/>
    </row>
    <row r="341" spans="2:19" ht="13.5">
      <c r="B341" s="40"/>
      <c r="C341" s="40"/>
      <c r="D341" s="40"/>
      <c r="E341" s="40"/>
      <c r="F341" s="40"/>
      <c r="G341" s="40"/>
      <c r="H341" s="40"/>
      <c r="L341" s="40"/>
      <c r="M341" s="40"/>
      <c r="N341" s="40"/>
      <c r="O341" s="40"/>
      <c r="P341" s="40"/>
      <c r="Q341" s="40"/>
      <c r="R341" s="40"/>
      <c r="S341" s="40"/>
    </row>
    <row r="342" spans="2:19" ht="13.5">
      <c r="B342" s="40"/>
      <c r="C342" s="40"/>
      <c r="D342" s="40"/>
      <c r="E342" s="40"/>
      <c r="F342" s="40"/>
      <c r="G342" s="40"/>
      <c r="H342" s="40"/>
      <c r="L342" s="40"/>
      <c r="M342" s="40"/>
      <c r="N342" s="40"/>
      <c r="O342" s="40"/>
      <c r="P342" s="40"/>
      <c r="Q342" s="40"/>
      <c r="R342" s="40"/>
      <c r="S342" s="40"/>
    </row>
    <row r="343" spans="2:19" ht="13.5">
      <c r="B343" s="40"/>
      <c r="C343" s="40"/>
      <c r="D343" s="40"/>
      <c r="E343" s="40"/>
      <c r="F343" s="40"/>
      <c r="G343" s="40"/>
      <c r="H343" s="40"/>
      <c r="L343" s="40"/>
      <c r="M343" s="40"/>
      <c r="N343" s="40"/>
      <c r="O343" s="40"/>
      <c r="P343" s="40"/>
      <c r="Q343" s="40"/>
      <c r="R343" s="40"/>
      <c r="S343" s="40"/>
    </row>
    <row r="344" spans="2:19" ht="13.5">
      <c r="B344" s="40"/>
      <c r="C344" s="40"/>
      <c r="D344" s="40"/>
      <c r="E344" s="40"/>
      <c r="F344" s="40"/>
      <c r="G344" s="40"/>
      <c r="H344" s="40"/>
      <c r="L344" s="40"/>
      <c r="M344" s="40"/>
      <c r="N344" s="40"/>
      <c r="O344" s="40"/>
      <c r="P344" s="40"/>
      <c r="Q344" s="40"/>
      <c r="R344" s="40"/>
      <c r="S344" s="40"/>
    </row>
    <row r="345" spans="2:19" ht="13.5">
      <c r="B345" s="40"/>
      <c r="C345" s="40"/>
      <c r="D345" s="40"/>
      <c r="E345" s="40"/>
      <c r="F345" s="40"/>
      <c r="G345" s="40"/>
      <c r="H345" s="40"/>
      <c r="L345" s="40"/>
      <c r="M345" s="40"/>
      <c r="N345" s="40"/>
      <c r="O345" s="40"/>
      <c r="P345" s="40"/>
      <c r="Q345" s="40"/>
      <c r="R345" s="40"/>
      <c r="S345" s="40"/>
    </row>
    <row r="346" spans="2:19" ht="13.5">
      <c r="B346" s="40"/>
      <c r="C346" s="40"/>
      <c r="D346" s="40"/>
      <c r="E346" s="40"/>
      <c r="F346" s="40"/>
      <c r="G346" s="40"/>
      <c r="H346" s="40"/>
      <c r="L346" s="40"/>
      <c r="M346" s="40"/>
      <c r="N346" s="40"/>
      <c r="O346" s="40"/>
      <c r="P346" s="40"/>
      <c r="Q346" s="40"/>
      <c r="R346" s="40"/>
      <c r="S346" s="40"/>
    </row>
    <row r="347" spans="2:19" ht="13.5">
      <c r="B347" s="40"/>
      <c r="C347" s="40"/>
      <c r="D347" s="40"/>
      <c r="E347" s="40"/>
      <c r="F347" s="40"/>
      <c r="G347" s="40"/>
      <c r="H347" s="40"/>
      <c r="L347" s="40"/>
      <c r="M347" s="40"/>
      <c r="N347" s="40"/>
      <c r="O347" s="40"/>
      <c r="P347" s="40"/>
      <c r="Q347" s="40"/>
      <c r="R347" s="40"/>
      <c r="S347" s="40"/>
    </row>
    <row r="348" spans="2:19" ht="13.5">
      <c r="B348" s="40"/>
      <c r="C348" s="40"/>
      <c r="D348" s="40"/>
      <c r="E348" s="40"/>
      <c r="F348" s="40"/>
      <c r="G348" s="40"/>
      <c r="H348" s="40"/>
      <c r="L348" s="40"/>
      <c r="M348" s="40"/>
      <c r="N348" s="40"/>
      <c r="O348" s="40"/>
      <c r="P348" s="40"/>
      <c r="Q348" s="40"/>
      <c r="R348" s="40"/>
      <c r="S348" s="40"/>
    </row>
    <row r="349" spans="2:19" ht="13.5">
      <c r="B349" s="40"/>
      <c r="C349" s="40"/>
      <c r="D349" s="40"/>
      <c r="E349" s="40"/>
      <c r="F349" s="40"/>
      <c r="G349" s="40"/>
      <c r="H349" s="40"/>
      <c r="L349" s="40"/>
      <c r="M349" s="40"/>
      <c r="N349" s="40"/>
      <c r="O349" s="40"/>
      <c r="P349" s="40"/>
      <c r="Q349" s="40"/>
      <c r="R349" s="40"/>
      <c r="S349" s="40"/>
    </row>
    <row r="350" spans="2:19" ht="13.5">
      <c r="B350" s="40"/>
      <c r="C350" s="40"/>
      <c r="D350" s="40"/>
      <c r="E350" s="40"/>
      <c r="F350" s="40"/>
      <c r="G350" s="40"/>
      <c r="H350" s="40"/>
      <c r="L350" s="40"/>
      <c r="M350" s="40"/>
      <c r="N350" s="40"/>
      <c r="O350" s="40"/>
      <c r="P350" s="40"/>
      <c r="Q350" s="40"/>
      <c r="R350" s="40"/>
      <c r="S350" s="40"/>
    </row>
    <row r="351" spans="2:19" ht="13.5">
      <c r="B351" s="40"/>
      <c r="C351" s="40"/>
      <c r="D351" s="40"/>
      <c r="E351" s="40"/>
      <c r="F351" s="40"/>
      <c r="G351" s="40"/>
      <c r="H351" s="40"/>
      <c r="L351" s="40"/>
      <c r="M351" s="40"/>
      <c r="N351" s="40"/>
      <c r="O351" s="40"/>
      <c r="P351" s="40"/>
      <c r="Q351" s="40"/>
      <c r="R351" s="40"/>
      <c r="S351" s="40"/>
    </row>
    <row r="352" spans="2:19" ht="13.5">
      <c r="B352" s="40"/>
      <c r="C352" s="40"/>
      <c r="D352" s="40"/>
      <c r="E352" s="40"/>
      <c r="F352" s="40"/>
      <c r="G352" s="40"/>
      <c r="H352" s="40"/>
      <c r="L352" s="40"/>
      <c r="M352" s="40"/>
      <c r="N352" s="40"/>
      <c r="O352" s="40"/>
      <c r="P352" s="40"/>
      <c r="Q352" s="40"/>
      <c r="R352" s="40"/>
      <c r="S352" s="40"/>
    </row>
    <row r="353" spans="2:19" ht="13.5">
      <c r="B353" s="40"/>
      <c r="C353" s="40"/>
      <c r="D353" s="40"/>
      <c r="E353" s="40"/>
      <c r="F353" s="40"/>
      <c r="G353" s="40"/>
      <c r="H353" s="40"/>
      <c r="L353" s="40"/>
      <c r="M353" s="40"/>
      <c r="N353" s="40"/>
      <c r="O353" s="40"/>
      <c r="P353" s="40"/>
      <c r="Q353" s="40"/>
      <c r="R353" s="40"/>
      <c r="S353" s="40"/>
    </row>
    <row r="354" spans="2:19" ht="13.5">
      <c r="B354" s="40"/>
      <c r="C354" s="40"/>
      <c r="D354" s="40"/>
      <c r="E354" s="40"/>
      <c r="F354" s="40"/>
      <c r="G354" s="40"/>
      <c r="H354" s="40"/>
      <c r="L354" s="40"/>
      <c r="M354" s="40"/>
      <c r="N354" s="40"/>
      <c r="O354" s="40"/>
      <c r="P354" s="40"/>
      <c r="Q354" s="40"/>
      <c r="R354" s="40"/>
      <c r="S354" s="40"/>
    </row>
    <row r="355" spans="2:19" ht="13.5">
      <c r="B355" s="40"/>
      <c r="C355" s="40"/>
      <c r="D355" s="40"/>
      <c r="E355" s="40"/>
      <c r="F355" s="40"/>
      <c r="G355" s="40"/>
      <c r="H355" s="40"/>
      <c r="L355" s="40"/>
      <c r="M355" s="40"/>
      <c r="N355" s="40"/>
      <c r="O355" s="40"/>
      <c r="P355" s="40"/>
      <c r="Q355" s="40"/>
      <c r="R355" s="40"/>
      <c r="S355" s="40"/>
    </row>
    <row r="356" spans="2:19" ht="13.5">
      <c r="B356" s="40"/>
      <c r="C356" s="40"/>
      <c r="D356" s="40"/>
      <c r="E356" s="40"/>
      <c r="F356" s="40"/>
      <c r="G356" s="40"/>
      <c r="H356" s="40"/>
      <c r="L356" s="40"/>
      <c r="M356" s="40"/>
      <c r="N356" s="40"/>
      <c r="O356" s="40"/>
      <c r="P356" s="40"/>
      <c r="Q356" s="40"/>
      <c r="R356" s="40"/>
      <c r="S356" s="40"/>
    </row>
    <row r="357" spans="2:19" ht="13.5">
      <c r="B357" s="40"/>
      <c r="C357" s="40"/>
      <c r="D357" s="40"/>
      <c r="E357" s="40"/>
      <c r="F357" s="40"/>
      <c r="G357" s="40"/>
      <c r="H357" s="40"/>
      <c r="L357" s="40"/>
      <c r="M357" s="40"/>
      <c r="N357" s="40"/>
      <c r="O357" s="40"/>
      <c r="P357" s="40"/>
      <c r="Q357" s="40"/>
      <c r="R357" s="40"/>
      <c r="S357" s="40"/>
    </row>
    <row r="358" spans="2:19" ht="13.5">
      <c r="B358" s="40"/>
      <c r="C358" s="40"/>
      <c r="D358" s="40"/>
      <c r="E358" s="40"/>
      <c r="F358" s="40"/>
      <c r="G358" s="40"/>
      <c r="H358" s="40"/>
      <c r="L358" s="40"/>
      <c r="M358" s="40"/>
      <c r="N358" s="40"/>
      <c r="O358" s="40"/>
      <c r="P358" s="40"/>
      <c r="Q358" s="40"/>
      <c r="R358" s="40"/>
      <c r="S358" s="40"/>
    </row>
    <row r="359" spans="2:19" ht="13.5">
      <c r="B359" s="40"/>
      <c r="C359" s="40"/>
      <c r="D359" s="40"/>
      <c r="E359" s="40"/>
      <c r="F359" s="40"/>
      <c r="G359" s="40"/>
      <c r="H359" s="40"/>
      <c r="L359" s="40"/>
      <c r="M359" s="40"/>
      <c r="N359" s="40"/>
      <c r="O359" s="40"/>
      <c r="P359" s="40"/>
      <c r="Q359" s="40"/>
      <c r="R359" s="40"/>
      <c r="S359" s="40"/>
    </row>
    <row r="360" spans="2:19" ht="13.5">
      <c r="B360" s="40"/>
      <c r="C360" s="40"/>
      <c r="D360" s="40"/>
      <c r="E360" s="40"/>
      <c r="F360" s="40"/>
      <c r="G360" s="40"/>
      <c r="H360" s="40"/>
      <c r="L360" s="40"/>
      <c r="M360" s="40"/>
      <c r="N360" s="40"/>
      <c r="O360" s="40"/>
      <c r="P360" s="40"/>
      <c r="Q360" s="40"/>
      <c r="R360" s="40"/>
      <c r="S360" s="40"/>
    </row>
    <row r="361" spans="2:19" ht="13.5">
      <c r="B361" s="40"/>
      <c r="C361" s="40"/>
      <c r="D361" s="40"/>
      <c r="E361" s="40"/>
      <c r="F361" s="40"/>
      <c r="G361" s="40"/>
      <c r="H361" s="40"/>
      <c r="L361" s="40"/>
      <c r="M361" s="40"/>
      <c r="N361" s="40"/>
      <c r="O361" s="40"/>
      <c r="P361" s="40"/>
      <c r="Q361" s="40"/>
      <c r="R361" s="40"/>
      <c r="S361" s="40"/>
    </row>
    <row r="362" spans="2:19" ht="13.5">
      <c r="B362" s="40"/>
      <c r="C362" s="40"/>
      <c r="D362" s="40"/>
      <c r="E362" s="40"/>
      <c r="F362" s="40"/>
      <c r="G362" s="40"/>
      <c r="H362" s="40"/>
      <c r="L362" s="40"/>
      <c r="M362" s="40"/>
      <c r="N362" s="40"/>
      <c r="O362" s="40"/>
      <c r="P362" s="40"/>
      <c r="Q362" s="40"/>
      <c r="R362" s="40"/>
      <c r="S362" s="40"/>
    </row>
    <row r="363" spans="2:19" ht="13.5">
      <c r="B363" s="40"/>
      <c r="C363" s="40"/>
      <c r="D363" s="40"/>
      <c r="E363" s="40"/>
      <c r="F363" s="40"/>
      <c r="G363" s="40"/>
      <c r="H363" s="40"/>
      <c r="L363" s="40"/>
      <c r="M363" s="40"/>
      <c r="N363" s="40"/>
      <c r="O363" s="40"/>
      <c r="P363" s="40"/>
      <c r="Q363" s="40"/>
      <c r="R363" s="40"/>
      <c r="S363" s="40"/>
    </row>
    <row r="364" spans="2:19" ht="13.5">
      <c r="B364" s="40"/>
      <c r="C364" s="40"/>
      <c r="D364" s="40"/>
      <c r="E364" s="40"/>
      <c r="F364" s="40"/>
      <c r="G364" s="40"/>
      <c r="H364" s="40"/>
      <c r="L364" s="40"/>
      <c r="M364" s="40"/>
      <c r="N364" s="40"/>
      <c r="O364" s="40"/>
      <c r="P364" s="40"/>
      <c r="Q364" s="40"/>
      <c r="R364" s="40"/>
      <c r="S364" s="40"/>
    </row>
    <row r="365" spans="2:19" ht="13.5">
      <c r="B365" s="40"/>
      <c r="C365" s="40"/>
      <c r="D365" s="40"/>
      <c r="E365" s="40"/>
      <c r="F365" s="40"/>
      <c r="G365" s="40"/>
      <c r="H365" s="40"/>
      <c r="L365" s="40"/>
      <c r="M365" s="40"/>
      <c r="N365" s="40"/>
      <c r="O365" s="40"/>
      <c r="P365" s="40"/>
      <c r="Q365" s="40"/>
      <c r="R365" s="40"/>
      <c r="S365" s="40"/>
    </row>
    <row r="366" spans="2:19" ht="13.5">
      <c r="B366" s="40"/>
      <c r="C366" s="40"/>
      <c r="D366" s="40"/>
      <c r="E366" s="40"/>
      <c r="F366" s="40"/>
      <c r="G366" s="40"/>
      <c r="H366" s="40"/>
      <c r="L366" s="40"/>
      <c r="M366" s="40"/>
      <c r="N366" s="40"/>
      <c r="O366" s="40"/>
      <c r="P366" s="40"/>
      <c r="Q366" s="40"/>
      <c r="R366" s="40"/>
      <c r="S366" s="40"/>
    </row>
    <row r="367" spans="2:19" ht="13.5">
      <c r="B367" s="40"/>
      <c r="C367" s="40"/>
      <c r="D367" s="40"/>
      <c r="E367" s="40"/>
      <c r="F367" s="40"/>
      <c r="G367" s="40"/>
      <c r="H367" s="40"/>
      <c r="L367" s="40"/>
      <c r="M367" s="40"/>
      <c r="N367" s="40"/>
      <c r="O367" s="40"/>
      <c r="P367" s="40"/>
      <c r="Q367" s="40"/>
      <c r="R367" s="40"/>
      <c r="S367" s="40"/>
    </row>
    <row r="368" spans="2:19" ht="13.5">
      <c r="B368" s="40"/>
      <c r="C368" s="40"/>
      <c r="D368" s="40"/>
      <c r="E368" s="40"/>
      <c r="F368" s="40"/>
      <c r="G368" s="40"/>
      <c r="H368" s="40"/>
      <c r="L368" s="40"/>
      <c r="M368" s="40"/>
      <c r="N368" s="40"/>
      <c r="O368" s="40"/>
      <c r="P368" s="40"/>
      <c r="Q368" s="40"/>
      <c r="R368" s="40"/>
      <c r="S368" s="40"/>
    </row>
    <row r="369" spans="2:19" ht="13.5">
      <c r="B369" s="40"/>
      <c r="C369" s="40"/>
      <c r="D369" s="40"/>
      <c r="E369" s="40"/>
      <c r="F369" s="40"/>
      <c r="G369" s="40"/>
      <c r="H369" s="40"/>
      <c r="L369" s="40"/>
      <c r="M369" s="40"/>
      <c r="N369" s="40"/>
      <c r="O369" s="40"/>
      <c r="P369" s="40"/>
      <c r="Q369" s="40"/>
      <c r="R369" s="40"/>
      <c r="S369" s="40"/>
    </row>
    <row r="370" spans="2:19" ht="13.5">
      <c r="B370" s="40"/>
      <c r="C370" s="40"/>
      <c r="D370" s="40"/>
      <c r="E370" s="40"/>
      <c r="F370" s="40"/>
      <c r="G370" s="40"/>
      <c r="H370" s="40"/>
      <c r="L370" s="40"/>
      <c r="M370" s="40"/>
      <c r="N370" s="40"/>
      <c r="O370" s="40"/>
      <c r="P370" s="40"/>
      <c r="Q370" s="40"/>
      <c r="R370" s="40"/>
      <c r="S370" s="40"/>
    </row>
    <row r="371" spans="2:19" ht="13.5">
      <c r="B371" s="40"/>
      <c r="C371" s="40"/>
      <c r="D371" s="40"/>
      <c r="E371" s="40"/>
      <c r="F371" s="40"/>
      <c r="G371" s="40"/>
      <c r="H371" s="40"/>
      <c r="L371" s="40"/>
      <c r="M371" s="40"/>
      <c r="N371" s="40"/>
      <c r="O371" s="40"/>
      <c r="P371" s="40"/>
      <c r="Q371" s="40"/>
      <c r="R371" s="40"/>
      <c r="S371" s="40"/>
    </row>
    <row r="372" spans="2:19" ht="13.5">
      <c r="B372" s="40"/>
      <c r="C372" s="40"/>
      <c r="D372" s="40"/>
      <c r="F372" s="40"/>
      <c r="G372" s="40"/>
      <c r="H372" s="40"/>
      <c r="L372" s="40"/>
      <c r="M372" s="40"/>
      <c r="N372" s="40"/>
      <c r="O372" s="40"/>
      <c r="P372" s="40"/>
      <c r="Q372" s="40"/>
      <c r="R372" s="40"/>
      <c r="S372" s="40"/>
    </row>
    <row r="373" spans="2:19" ht="13.5">
      <c r="F373" s="40"/>
      <c r="G373" s="40"/>
      <c r="H373" s="40"/>
      <c r="L373" s="40"/>
      <c r="M373" s="40"/>
      <c r="N373" s="40"/>
      <c r="O373" s="40"/>
      <c r="P373" s="40"/>
      <c r="Q373" s="40"/>
      <c r="R373" s="40"/>
      <c r="S373" s="40"/>
    </row>
    <row r="374" spans="2:19" ht="13.5">
      <c r="F374" s="40"/>
      <c r="G374" s="40"/>
      <c r="H374" s="40"/>
      <c r="L374" s="40"/>
      <c r="M374" s="40"/>
      <c r="N374" s="40"/>
      <c r="O374" s="40"/>
      <c r="P374" s="40"/>
      <c r="Q374" s="40"/>
      <c r="R374" s="40"/>
      <c r="S374" s="40"/>
    </row>
    <row r="375" spans="2:19" ht="13.5">
      <c r="F375" s="40"/>
      <c r="G375" s="40"/>
      <c r="H375" s="40"/>
      <c r="L375" s="40"/>
      <c r="M375" s="40"/>
      <c r="N375" s="40"/>
      <c r="O375" s="40"/>
      <c r="P375" s="40"/>
      <c r="Q375" s="40"/>
      <c r="R375" s="40"/>
      <c r="S375" s="40"/>
    </row>
    <row r="376" spans="2:19" ht="13.5">
      <c r="F376" s="40"/>
      <c r="G376" s="40"/>
      <c r="H376" s="40"/>
      <c r="L376" s="40"/>
      <c r="M376" s="40"/>
      <c r="N376" s="40"/>
      <c r="O376" s="40"/>
      <c r="P376" s="40"/>
      <c r="Q376" s="40"/>
      <c r="R376" s="40"/>
      <c r="S376" s="40"/>
    </row>
    <row r="377" spans="2:19" ht="13.5">
      <c r="F377" s="40"/>
      <c r="G377" s="40"/>
      <c r="H377" s="40"/>
      <c r="L377" s="40"/>
      <c r="M377" s="40"/>
      <c r="N377" s="40"/>
      <c r="O377" s="40"/>
      <c r="P377" s="40"/>
      <c r="Q377" s="40"/>
      <c r="R377" s="40"/>
      <c r="S377" s="40"/>
    </row>
    <row r="378" spans="2:19" ht="13.5">
      <c r="F378" s="40"/>
      <c r="G378" s="40"/>
      <c r="H378" s="40"/>
      <c r="L378" s="40"/>
      <c r="M378" s="40"/>
      <c r="N378" s="40"/>
      <c r="O378" s="40"/>
      <c r="P378" s="40"/>
      <c r="Q378" s="40"/>
      <c r="R378" s="40"/>
      <c r="S378" s="40"/>
    </row>
    <row r="379" spans="2:19">
      <c r="F379" s="40"/>
      <c r="G379" s="40"/>
      <c r="H379" s="40"/>
      <c r="S379" s="40"/>
    </row>
  </sheetData>
  <mergeCells count="7">
    <mergeCell ref="P11:S11"/>
    <mergeCell ref="B2:N2"/>
    <mergeCell ref="B3:M3"/>
    <mergeCell ref="B4:M8"/>
    <mergeCell ref="B9:N9"/>
    <mergeCell ref="C10:M10"/>
    <mergeCell ref="P10:S10"/>
  </mergeCells>
  <phoneticPr fontId="4"/>
  <conditionalFormatting sqref="U13:U21 U23:U37">
    <cfRule type="expression" dxfId="122" priority="176" stopIfTrue="1">
      <formula>ISERROR(U13)</formula>
    </cfRule>
  </conditionalFormatting>
  <conditionalFormatting sqref="I13:I30">
    <cfRule type="cellIs" dxfId="121" priority="117" stopIfTrue="1" operator="greaterThan">
      <formula>0</formula>
    </cfRule>
  </conditionalFormatting>
  <conditionalFormatting sqref="I33:I37">
    <cfRule type="cellIs" dxfId="120" priority="116" stopIfTrue="1" operator="greaterThan">
      <formula>0</formula>
    </cfRule>
  </conditionalFormatting>
  <conditionalFormatting sqref="I31:I32">
    <cfRule type="cellIs" dxfId="119" priority="115" stopIfTrue="1" operator="greaterThan">
      <formula>0</formula>
    </cfRule>
  </conditionalFormatting>
  <conditionalFormatting sqref="S13:S16 S18 S20:S37">
    <cfRule type="cellIs" dxfId="118" priority="114" stopIfTrue="1" operator="greaterThan">
      <formula>0</formula>
    </cfRule>
  </conditionalFormatting>
  <conditionalFormatting sqref="I16:K37">
    <cfRule type="expression" dxfId="117" priority="118" stopIfTrue="1">
      <formula>#REF!&gt;12</formula>
    </cfRule>
  </conditionalFormatting>
  <conditionalFormatting sqref="I13:K14 S13:S16 S18 P18 S20:S37 P31:P37">
    <cfRule type="expression" dxfId="116" priority="119" stopIfTrue="1">
      <formula>#REF!&gt;12</formula>
    </cfRule>
  </conditionalFormatting>
  <conditionalFormatting sqref="Q18:R18 Q31:R37">
    <cfRule type="expression" dxfId="115" priority="120" stopIfTrue="1">
      <formula>ISERROR(Q18)</formula>
    </cfRule>
    <cfRule type="expression" dxfId="114" priority="121" stopIfTrue="1">
      <formula>#REF!&gt;12</formula>
    </cfRule>
  </conditionalFormatting>
  <conditionalFormatting sqref="I15:K15">
    <cfRule type="expression" dxfId="113" priority="122" stopIfTrue="1">
      <formula>#REF!&gt;12</formula>
    </cfRule>
  </conditionalFormatting>
  <conditionalFormatting sqref="S17">
    <cfRule type="expression" dxfId="112" priority="112" stopIfTrue="1">
      <formula>ISERROR(S17)</formula>
    </cfRule>
    <cfRule type="expression" dxfId="111" priority="113" stopIfTrue="1">
      <formula>#REF!&gt;12</formula>
    </cfRule>
  </conditionalFormatting>
  <conditionalFormatting sqref="S19">
    <cfRule type="cellIs" dxfId="110" priority="110" stopIfTrue="1" operator="greaterThan">
      <formula>0</formula>
    </cfRule>
  </conditionalFormatting>
  <conditionalFormatting sqref="S19:T19">
    <cfRule type="expression" dxfId="109" priority="111" stopIfTrue="1">
      <formula>#REF!&gt;12</formula>
    </cfRule>
  </conditionalFormatting>
  <conditionalFormatting sqref="P19">
    <cfRule type="expression" dxfId="108" priority="107" stopIfTrue="1">
      <formula>#REF!&gt;12</formula>
    </cfRule>
  </conditionalFormatting>
  <conditionalFormatting sqref="Q19:R19">
    <cfRule type="expression" dxfId="107" priority="108" stopIfTrue="1">
      <formula>ISERROR(Q19)</formula>
    </cfRule>
    <cfRule type="expression" dxfId="106" priority="109" stopIfTrue="1">
      <formula>#REF!&gt;12</formula>
    </cfRule>
  </conditionalFormatting>
  <conditionalFormatting sqref="P21:P22">
    <cfRule type="expression" dxfId="105" priority="104" stopIfTrue="1">
      <formula>#REF!&gt;12</formula>
    </cfRule>
  </conditionalFormatting>
  <conditionalFormatting sqref="Q21:R22">
    <cfRule type="expression" dxfId="104" priority="105" stopIfTrue="1">
      <formula>ISERROR(Q21)</formula>
    </cfRule>
    <cfRule type="expression" dxfId="103" priority="106" stopIfTrue="1">
      <formula>#REF!&gt;12</formula>
    </cfRule>
  </conditionalFormatting>
  <conditionalFormatting sqref="P23 P26">
    <cfRule type="expression" dxfId="102" priority="101" stopIfTrue="1">
      <formula>#REF!&gt;12</formula>
    </cfRule>
  </conditionalFormatting>
  <conditionalFormatting sqref="Q23:R23 Q26:R26">
    <cfRule type="expression" dxfId="101" priority="102" stopIfTrue="1">
      <formula>ISERROR(Q23)</formula>
    </cfRule>
    <cfRule type="expression" dxfId="100" priority="103" stopIfTrue="1">
      <formula>#REF!&gt;12</formula>
    </cfRule>
  </conditionalFormatting>
  <conditionalFormatting sqref="G33:H33 G15:H21">
    <cfRule type="expression" dxfId="99" priority="99" stopIfTrue="1">
      <formula>ISERROR(G15)</formula>
    </cfRule>
    <cfRule type="expression" dxfId="98" priority="100" stopIfTrue="1">
      <formula>#REF!&gt;12</formula>
    </cfRule>
  </conditionalFormatting>
  <conditionalFormatting sqref="G13:H14">
    <cfRule type="expression" dxfId="97" priority="97" stopIfTrue="1">
      <formula>ISERROR(G13)</formula>
    </cfRule>
    <cfRule type="expression" dxfId="96" priority="98" stopIfTrue="1">
      <formula>#REF!&gt;12</formula>
    </cfRule>
  </conditionalFormatting>
  <conditionalFormatting sqref="F33 F15:F21">
    <cfRule type="expression" dxfId="95" priority="95" stopIfTrue="1">
      <formula>#REF!&gt;12</formula>
    </cfRule>
  </conditionalFormatting>
  <conditionalFormatting sqref="F13:F14">
    <cfRule type="expression" dxfId="94" priority="96" stopIfTrue="1">
      <formula>#REF!&gt;12</formula>
    </cfRule>
  </conditionalFormatting>
  <conditionalFormatting sqref="G22:H22">
    <cfRule type="expression" dxfId="93" priority="93" stopIfTrue="1">
      <formula>ISERROR(G22)</formula>
    </cfRule>
    <cfRule type="expression" dxfId="92" priority="94" stopIfTrue="1">
      <formula>#REF!&gt;12</formula>
    </cfRule>
  </conditionalFormatting>
  <conditionalFormatting sqref="F22">
    <cfRule type="expression" dxfId="91" priority="92" stopIfTrue="1">
      <formula>#REF!&gt;12</formula>
    </cfRule>
  </conditionalFormatting>
  <conditionalFormatting sqref="F23">
    <cfRule type="expression" dxfId="90" priority="89" stopIfTrue="1">
      <formula>#REF!&gt;12</formula>
    </cfRule>
  </conditionalFormatting>
  <conditionalFormatting sqref="G23:H23">
    <cfRule type="expression" dxfId="89" priority="90" stopIfTrue="1">
      <formula>ISERROR(G23)</formula>
    </cfRule>
    <cfRule type="expression" dxfId="88" priority="91" stopIfTrue="1">
      <formula>#REF!&gt;12</formula>
    </cfRule>
  </conditionalFormatting>
  <conditionalFormatting sqref="F24">
    <cfRule type="expression" dxfId="87" priority="86" stopIfTrue="1">
      <formula>#REF!&gt;12</formula>
    </cfRule>
  </conditionalFormatting>
  <conditionalFormatting sqref="G24:H24">
    <cfRule type="expression" dxfId="86" priority="87" stopIfTrue="1">
      <formula>ISERROR(G24)</formula>
    </cfRule>
    <cfRule type="expression" dxfId="85" priority="88" stopIfTrue="1">
      <formula>#REF!&gt;12</formula>
    </cfRule>
  </conditionalFormatting>
  <conditionalFormatting sqref="F24:F25">
    <cfRule type="expression" dxfId="84" priority="83" stopIfTrue="1">
      <formula>#REF!&gt;12</formula>
    </cfRule>
  </conditionalFormatting>
  <conditionalFormatting sqref="G24:H25">
    <cfRule type="expression" dxfId="83" priority="84" stopIfTrue="1">
      <formula>ISERROR(G24)</formula>
    </cfRule>
    <cfRule type="expression" dxfId="82" priority="85" stopIfTrue="1">
      <formula>#REF!&gt;12</formula>
    </cfRule>
  </conditionalFormatting>
  <conditionalFormatting sqref="F27 F30 F33">
    <cfRule type="expression" dxfId="81" priority="80" stopIfTrue="1">
      <formula>#REF!&gt;12</formula>
    </cfRule>
  </conditionalFormatting>
  <conditionalFormatting sqref="G27:H27 G30:H30 G33:H33">
    <cfRule type="expression" dxfId="80" priority="81" stopIfTrue="1">
      <formula>ISERROR(G27)</formula>
    </cfRule>
    <cfRule type="expression" dxfId="79" priority="82" stopIfTrue="1">
      <formula>#REF!&gt;12</formula>
    </cfRule>
  </conditionalFormatting>
  <conditionalFormatting sqref="Q14:R14 Q16:R16">
    <cfRule type="expression" dxfId="78" priority="77" stopIfTrue="1">
      <formula>ISERROR(Q14)</formula>
    </cfRule>
    <cfRule type="expression" dxfId="77" priority="78" stopIfTrue="1">
      <formula>#REF!&gt;12</formula>
    </cfRule>
  </conditionalFormatting>
  <conditionalFormatting sqref="P14 P16">
    <cfRule type="expression" dxfId="76" priority="79" stopIfTrue="1">
      <formula>#REF!&gt;12</formula>
    </cfRule>
  </conditionalFormatting>
  <conditionalFormatting sqref="R14">
    <cfRule type="expression" dxfId="75" priority="75" stopIfTrue="1">
      <formula>ISERROR(R14)</formula>
    </cfRule>
    <cfRule type="expression" dxfId="74" priority="76" stopIfTrue="1">
      <formula>#REF!&gt;12</formula>
    </cfRule>
  </conditionalFormatting>
  <conditionalFormatting sqref="P20">
    <cfRule type="expression" dxfId="73" priority="72" stopIfTrue="1">
      <formula>#REF!&gt;12</formula>
    </cfRule>
  </conditionalFormatting>
  <conditionalFormatting sqref="Q20:R20">
    <cfRule type="expression" dxfId="72" priority="73" stopIfTrue="1">
      <formula>ISERROR(Q20)</formula>
    </cfRule>
    <cfRule type="expression" dxfId="71" priority="74" stopIfTrue="1">
      <formula>#REF!&gt;12</formula>
    </cfRule>
  </conditionalFormatting>
  <conditionalFormatting sqref="Q25:R25">
    <cfRule type="expression" dxfId="70" priority="69" stopIfTrue="1">
      <formula>ISERROR(Q25)</formula>
    </cfRule>
    <cfRule type="expression" dxfId="69" priority="70" stopIfTrue="1">
      <formula>#REF!&gt;12</formula>
    </cfRule>
  </conditionalFormatting>
  <conditionalFormatting sqref="P25">
    <cfRule type="expression" dxfId="68" priority="71" stopIfTrue="1">
      <formula>#REF!&gt;12</formula>
    </cfRule>
  </conditionalFormatting>
  <conditionalFormatting sqref="Q24:R24">
    <cfRule type="expression" dxfId="67" priority="66" stopIfTrue="1">
      <formula>ISERROR(Q24)</formula>
    </cfRule>
    <cfRule type="expression" dxfId="66" priority="67" stopIfTrue="1">
      <formula>#REF!&gt;12</formula>
    </cfRule>
  </conditionalFormatting>
  <conditionalFormatting sqref="P24">
    <cfRule type="expression" dxfId="65" priority="68" stopIfTrue="1">
      <formula>#REF!&gt;12</formula>
    </cfRule>
  </conditionalFormatting>
  <conditionalFormatting sqref="P19:P21">
    <cfRule type="duplicateValues" dxfId="64" priority="65"/>
  </conditionalFormatting>
  <conditionalFormatting sqref="P27">
    <cfRule type="expression" dxfId="63" priority="62" stopIfTrue="1">
      <formula>#REF!&gt;12</formula>
    </cfRule>
  </conditionalFormatting>
  <conditionalFormatting sqref="Q27:R27">
    <cfRule type="expression" dxfId="62" priority="63" stopIfTrue="1">
      <formula>ISERROR(Q27)</formula>
    </cfRule>
    <cfRule type="expression" dxfId="61" priority="64" stopIfTrue="1">
      <formula>#REF!&gt;12</formula>
    </cfRule>
  </conditionalFormatting>
  <conditionalFormatting sqref="F23">
    <cfRule type="expression" dxfId="60" priority="59" stopIfTrue="1">
      <formula>#REF!&gt;12</formula>
    </cfRule>
  </conditionalFormatting>
  <conditionalFormatting sqref="G23:H23">
    <cfRule type="expression" dxfId="59" priority="60" stopIfTrue="1">
      <formula>ISERROR(G23)</formula>
    </cfRule>
    <cfRule type="expression" dxfId="58" priority="61" stopIfTrue="1">
      <formula>#REF!&gt;12</formula>
    </cfRule>
  </conditionalFormatting>
  <conditionalFormatting sqref="F26">
    <cfRule type="expression" dxfId="57" priority="56" stopIfTrue="1">
      <formula>#REF!&gt;12</formula>
    </cfRule>
  </conditionalFormatting>
  <conditionalFormatting sqref="G26:H26">
    <cfRule type="expression" dxfId="56" priority="57" stopIfTrue="1">
      <formula>ISERROR(G26)</formula>
    </cfRule>
    <cfRule type="expression" dxfId="55" priority="58" stopIfTrue="1">
      <formula>#REF!&gt;12</formula>
    </cfRule>
  </conditionalFormatting>
  <conditionalFormatting sqref="P17">
    <cfRule type="expression" dxfId="54" priority="53" stopIfTrue="1">
      <formula>#REF!&gt;12</formula>
    </cfRule>
  </conditionalFormatting>
  <conditionalFormatting sqref="Q17:R17">
    <cfRule type="expression" dxfId="53" priority="54" stopIfTrue="1">
      <formula>ISERROR(Q17)</formula>
    </cfRule>
    <cfRule type="expression" dxfId="52" priority="55" stopIfTrue="1">
      <formula>#REF!&gt;12</formula>
    </cfRule>
  </conditionalFormatting>
  <conditionalFormatting sqref="P17">
    <cfRule type="duplicateValues" dxfId="51" priority="52"/>
  </conditionalFormatting>
  <conditionalFormatting sqref="F30">
    <cfRule type="expression" dxfId="50" priority="49" stopIfTrue="1">
      <formula>#REF!&gt;12</formula>
    </cfRule>
  </conditionalFormatting>
  <conditionalFormatting sqref="G30:H30">
    <cfRule type="expression" dxfId="49" priority="50" stopIfTrue="1">
      <formula>ISERROR(G30)</formula>
    </cfRule>
    <cfRule type="expression" dxfId="48" priority="51" stopIfTrue="1">
      <formula>#REF!&gt;12</formula>
    </cfRule>
  </conditionalFormatting>
  <conditionalFormatting sqref="F30">
    <cfRule type="duplicateValues" dxfId="47" priority="48"/>
  </conditionalFormatting>
  <conditionalFormatting sqref="F34">
    <cfRule type="expression" dxfId="46" priority="45" stopIfTrue="1">
      <formula>#REF!&gt;12</formula>
    </cfRule>
  </conditionalFormatting>
  <conditionalFormatting sqref="G34:H34">
    <cfRule type="expression" dxfId="45" priority="46" stopIfTrue="1">
      <formula>ISERROR(G34)</formula>
    </cfRule>
    <cfRule type="expression" dxfId="44" priority="47" stopIfTrue="1">
      <formula>#REF!&gt;12</formula>
    </cfRule>
  </conditionalFormatting>
  <conditionalFormatting sqref="G36:H36">
    <cfRule type="expression" dxfId="43" priority="42" stopIfTrue="1">
      <formula>ISERROR(G36)</formula>
    </cfRule>
    <cfRule type="expression" dxfId="42" priority="43" stopIfTrue="1">
      <formula>#REF!&gt;12</formula>
    </cfRule>
  </conditionalFormatting>
  <conditionalFormatting sqref="F36">
    <cfRule type="expression" dxfId="41" priority="44" stopIfTrue="1">
      <formula>#REF!&gt;12</formula>
    </cfRule>
  </conditionalFormatting>
  <conditionalFormatting sqref="G35:H35">
    <cfRule type="expression" dxfId="40" priority="39" stopIfTrue="1">
      <formula>ISERROR(G35)</formula>
    </cfRule>
    <cfRule type="expression" dxfId="39" priority="40" stopIfTrue="1">
      <formula>#REF!&gt;12</formula>
    </cfRule>
  </conditionalFormatting>
  <conditionalFormatting sqref="F35">
    <cfRule type="expression" dxfId="38" priority="41" stopIfTrue="1">
      <formula>#REF!&gt;12</formula>
    </cfRule>
  </conditionalFormatting>
  <conditionalFormatting sqref="H35">
    <cfRule type="expression" dxfId="37" priority="37" stopIfTrue="1">
      <formula>ISERROR(H35)</formula>
    </cfRule>
    <cfRule type="expression" dxfId="36" priority="38" stopIfTrue="1">
      <formula>#REF!&gt;12</formula>
    </cfRule>
  </conditionalFormatting>
  <conditionalFormatting sqref="G37:H37">
    <cfRule type="expression" dxfId="35" priority="34" stopIfTrue="1">
      <formula>ISERROR(G37)</formula>
    </cfRule>
    <cfRule type="expression" dxfId="34" priority="35" stopIfTrue="1">
      <formula>#REF!&gt;12</formula>
    </cfRule>
  </conditionalFormatting>
  <conditionalFormatting sqref="F37">
    <cfRule type="expression" dxfId="33" priority="36" stopIfTrue="1">
      <formula>#REF!&gt;12</formula>
    </cfRule>
  </conditionalFormatting>
  <conditionalFormatting sqref="Q13:R13">
    <cfRule type="expression" dxfId="32" priority="31" stopIfTrue="1">
      <formula>ISERROR(Q13)</formula>
    </cfRule>
    <cfRule type="expression" dxfId="31" priority="32" stopIfTrue="1">
      <formula>#REF!&gt;12</formula>
    </cfRule>
  </conditionalFormatting>
  <conditionalFormatting sqref="P13">
    <cfRule type="expression" dxfId="30" priority="33" stopIfTrue="1">
      <formula>#REF!&gt;12</formula>
    </cfRule>
  </conditionalFormatting>
  <conditionalFormatting sqref="P15">
    <cfRule type="expression" dxfId="29" priority="28" stopIfTrue="1">
      <formula>#REF!&gt;12</formula>
    </cfRule>
  </conditionalFormatting>
  <conditionalFormatting sqref="Q15:R15">
    <cfRule type="expression" dxfId="28" priority="29" stopIfTrue="1">
      <formula>ISERROR(Q15)</formula>
    </cfRule>
    <cfRule type="expression" dxfId="27" priority="30" stopIfTrue="1">
      <formula>#REF!&gt;12</formula>
    </cfRule>
  </conditionalFormatting>
  <conditionalFormatting sqref="P29">
    <cfRule type="expression" dxfId="26" priority="25" stopIfTrue="1">
      <formula>#REF!&gt;12</formula>
    </cfRule>
  </conditionalFormatting>
  <conditionalFormatting sqref="Q29:R29">
    <cfRule type="expression" dxfId="25" priority="26" stopIfTrue="1">
      <formula>ISERROR(Q29)</formula>
    </cfRule>
    <cfRule type="expression" dxfId="24" priority="27" stopIfTrue="1">
      <formula>#REF!&gt;12</formula>
    </cfRule>
  </conditionalFormatting>
  <conditionalFormatting sqref="P29">
    <cfRule type="expression" dxfId="23" priority="22" stopIfTrue="1">
      <formula>#REF!&gt;12</formula>
    </cfRule>
  </conditionalFormatting>
  <conditionalFormatting sqref="Q29:R29">
    <cfRule type="expression" dxfId="22" priority="23" stopIfTrue="1">
      <formula>ISERROR(Q29)</formula>
    </cfRule>
    <cfRule type="expression" dxfId="21" priority="24" stopIfTrue="1">
      <formula>#REF!&gt;12</formula>
    </cfRule>
  </conditionalFormatting>
  <conditionalFormatting sqref="P29">
    <cfRule type="duplicateValues" dxfId="20" priority="21"/>
  </conditionalFormatting>
  <conditionalFormatting sqref="P28">
    <cfRule type="expression" dxfId="19" priority="18" stopIfTrue="1">
      <formula>#REF!&gt;12</formula>
    </cfRule>
  </conditionalFormatting>
  <conditionalFormatting sqref="Q28:R28">
    <cfRule type="expression" dxfId="18" priority="19" stopIfTrue="1">
      <formula>ISERROR(Q28)</formula>
    </cfRule>
    <cfRule type="expression" dxfId="17" priority="20" stopIfTrue="1">
      <formula>#REF!&gt;12</formula>
    </cfRule>
  </conditionalFormatting>
  <conditionalFormatting sqref="P28">
    <cfRule type="duplicateValues" dxfId="16" priority="17"/>
  </conditionalFormatting>
  <conditionalFormatting sqref="P28">
    <cfRule type="expression" dxfId="15" priority="14" stopIfTrue="1">
      <formula>#REF!&gt;12</formula>
    </cfRule>
  </conditionalFormatting>
  <conditionalFormatting sqref="Q28:R28">
    <cfRule type="expression" dxfId="14" priority="15" stopIfTrue="1">
      <formula>ISERROR(Q28)</formula>
    </cfRule>
    <cfRule type="expression" dxfId="13" priority="16" stopIfTrue="1">
      <formula>#REF!&gt;12</formula>
    </cfRule>
  </conditionalFormatting>
  <conditionalFormatting sqref="P28">
    <cfRule type="duplicateValues" dxfId="12" priority="13"/>
  </conditionalFormatting>
  <conditionalFormatting sqref="F28:F29">
    <cfRule type="expression" dxfId="11" priority="10" stopIfTrue="1">
      <formula>#REF!&gt;12</formula>
    </cfRule>
  </conditionalFormatting>
  <conditionalFormatting sqref="G28:H29">
    <cfRule type="expression" dxfId="10" priority="11" stopIfTrue="1">
      <formula>ISERROR(G28)</formula>
    </cfRule>
    <cfRule type="expression" dxfId="9" priority="12" stopIfTrue="1">
      <formula>#REF!&gt;12</formula>
    </cfRule>
  </conditionalFormatting>
  <conditionalFormatting sqref="P30">
    <cfRule type="expression" dxfId="8" priority="7" stopIfTrue="1">
      <formula>#REF!&gt;12</formula>
    </cfRule>
  </conditionalFormatting>
  <conditionalFormatting sqref="Q30:R30">
    <cfRule type="expression" dxfId="7" priority="8" stopIfTrue="1">
      <formula>ISERROR(Q30)</formula>
    </cfRule>
    <cfRule type="expression" dxfId="6" priority="9" stopIfTrue="1">
      <formula>#REF!&gt;12</formula>
    </cfRule>
  </conditionalFormatting>
  <conditionalFormatting sqref="F32">
    <cfRule type="expression" dxfId="5" priority="4" stopIfTrue="1">
      <formula>#REF!&gt;12</formula>
    </cfRule>
  </conditionalFormatting>
  <conditionalFormatting sqref="G32:H32">
    <cfRule type="expression" dxfId="4" priority="5" stopIfTrue="1">
      <formula>ISERROR(G32)</formula>
    </cfRule>
    <cfRule type="expression" dxfId="3" priority="6" stopIfTrue="1">
      <formula>#REF!&gt;12</formula>
    </cfRule>
  </conditionalFormatting>
  <conditionalFormatting sqref="F31">
    <cfRule type="expression" dxfId="2" priority="1" stopIfTrue="1">
      <formula>#REF!&gt;12</formula>
    </cfRule>
  </conditionalFormatting>
  <conditionalFormatting sqref="G31:H31">
    <cfRule type="expression" dxfId="1" priority="2" stopIfTrue="1">
      <formula>ISERROR(G31)</formula>
    </cfRule>
    <cfRule type="expression" dxfId="0" priority="3" stopIfTrue="1">
      <formula>#REF!&gt;12</formula>
    </cfRule>
  </conditionalFormatting>
  <printOptions horizontalCentered="1"/>
  <pageMargins left="0" right="0" top="0.19" bottom="0" header="0" footer="0"/>
  <pageSetup paperSize="9" scale="20" orientation="portrait" r:id="rId1"/>
  <headerFooter alignWithMargins="0"/>
  <rowBreaks count="1" manualBreakCount="1">
    <brk id="36" max="16383" man="1"/>
  </rowBreaks>
  <colBreaks count="1" manualBreakCount="1">
    <brk id="6" max="1048575"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技術評論社</vt:lpstr>
      <vt:lpstr>インプレス</vt:lpstr>
      <vt:lpstr>翔泳社</vt:lpstr>
      <vt:lpstr>SBクリエイティブ</vt:lpstr>
      <vt:lpstr>秀和システム</vt:lpstr>
      <vt:lpstr>マイナビ出版</vt:lpstr>
      <vt:lpstr>SBクリエイティブ!Print_Area</vt:lpstr>
      <vt:lpstr>インプレス!Print_Area</vt:lpstr>
      <vt:lpstr>マイナビ出版!Print_Area</vt:lpstr>
      <vt:lpstr>技術評論社!Print_Area</vt:lpstr>
      <vt:lpstr>秀和システム!Print_Area</vt:lpstr>
      <vt:lpstr>翔泳社!Print_Area</vt:lpstr>
    </vt:vector>
  </TitlesOfParts>
  <Company>株式会社マイナビ</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珍田 大悟</dc:creator>
  <cp:lastModifiedBy>珍田 大悟</cp:lastModifiedBy>
  <cp:lastPrinted>2020-01-16T11:12:51Z</cp:lastPrinted>
  <dcterms:created xsi:type="dcterms:W3CDTF">2018-07-11T07:44:48Z</dcterms:created>
  <dcterms:modified xsi:type="dcterms:W3CDTF">2020-01-21T00:45:07Z</dcterms:modified>
</cp:coreProperties>
</file>